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1305\005_生活困窮者対策G\500-孤独・孤立対策推進法関連（かながわつながりネットワーク等）\12_★かながわつながりネットワーク（神奈川版孤独・孤立対策官民連携PF）\16_連携事業マッチングの仕組化\04_承認起案\"/>
    </mc:Choice>
  </mc:AlternateContent>
  <xr:revisionPtr revIDLastSave="0" documentId="13_ncr:1_{03810A79-B9CC-4367-B276-CC44A8D02277}" xr6:coauthVersionLast="47" xr6:coauthVersionMax="47" xr10:uidLastSave="{00000000-0000-0000-0000-000000000000}"/>
  <bookViews>
    <workbookView xWindow="-110" yWindow="-110" windowWidth="19420" windowHeight="10300" xr2:uid="{00000000-000D-0000-FFFF-FFFF00000000}"/>
  </bookViews>
  <sheets>
    <sheet name="マッチングシート（HP公開用）" sheetId="3" r:id="rId1"/>
  </sheets>
  <definedNames>
    <definedName name="_xlnm.Print_Area" localSheetId="0">'マッチングシート（HP公開用）'!$A$1:$Z$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03" uniqueCount="285">
  <si>
    <t>団体名</t>
    <rPh sb="0" eb="2">
      <t>ダンタイ</t>
    </rPh>
    <rPh sb="2" eb="3">
      <t>メイ</t>
    </rPh>
    <phoneticPr fontId="1"/>
  </si>
  <si>
    <t>想定する参加人数</t>
    <rPh sb="0" eb="2">
      <t>ソウテイ</t>
    </rPh>
    <rPh sb="4" eb="6">
      <t>サンカ</t>
    </rPh>
    <rPh sb="6" eb="8">
      <t>ニンズウ</t>
    </rPh>
    <phoneticPr fontId="1"/>
  </si>
  <si>
    <t>所要時間</t>
    <rPh sb="0" eb="2">
      <t>ショヨウ</t>
    </rPh>
    <rPh sb="2" eb="4">
      <t>ジカン</t>
    </rPh>
    <phoneticPr fontId="1"/>
  </si>
  <si>
    <t>希望する連携相手</t>
    <rPh sb="0" eb="2">
      <t>キボウ</t>
    </rPh>
    <rPh sb="4" eb="6">
      <t>レンケイ</t>
    </rPh>
    <rPh sb="6" eb="8">
      <t>アイテ</t>
    </rPh>
    <phoneticPr fontId="1"/>
  </si>
  <si>
    <t>その理由</t>
    <rPh sb="2" eb="4">
      <t>リユウ</t>
    </rPh>
    <phoneticPr fontId="1"/>
  </si>
  <si>
    <t>孤独・孤立対策に資する取組である説明</t>
    <rPh sb="0" eb="2">
      <t>コドク</t>
    </rPh>
    <rPh sb="3" eb="5">
      <t>コリツ</t>
    </rPh>
    <rPh sb="5" eb="7">
      <t>タイサク</t>
    </rPh>
    <rPh sb="8" eb="9">
      <t>シ</t>
    </rPh>
    <rPh sb="11" eb="13">
      <t>トリクミ</t>
    </rPh>
    <rPh sb="16" eb="18">
      <t>セツメイ</t>
    </rPh>
    <phoneticPr fontId="1"/>
  </si>
  <si>
    <t>希望する実施時期</t>
    <rPh sb="0" eb="2">
      <t>キボウ</t>
    </rPh>
    <rPh sb="4" eb="6">
      <t>ジッシ</t>
    </rPh>
    <rPh sb="6" eb="8">
      <t>ジキ</t>
    </rPh>
    <phoneticPr fontId="1"/>
  </si>
  <si>
    <t>いつでも</t>
    <phoneticPr fontId="1"/>
  </si>
  <si>
    <t>備考</t>
    <rPh sb="0" eb="2">
      <t>ビコウ</t>
    </rPh>
    <phoneticPr fontId="1"/>
  </si>
  <si>
    <t>←その他の場合、自由記述</t>
    <rPh sb="3" eb="4">
      <t>タ</t>
    </rPh>
    <rPh sb="5" eb="7">
      <t>バアイ</t>
    </rPh>
    <rPh sb="8" eb="10">
      <t>ジユウ</t>
    </rPh>
    <rPh sb="10" eb="12">
      <t>キジュツ</t>
    </rPh>
    <phoneticPr fontId="1"/>
  </si>
  <si>
    <t>・会議室等は無償で貸し出し頂きたいです。
・講師謝礼、交通費等、費用負担はございません。</t>
    <rPh sb="1" eb="4">
      <t>カイギシツ</t>
    </rPh>
    <rPh sb="4" eb="5">
      <t>トウ</t>
    </rPh>
    <rPh sb="6" eb="8">
      <t>ムショウ</t>
    </rPh>
    <rPh sb="9" eb="10">
      <t>カ</t>
    </rPh>
    <rPh sb="11" eb="12">
      <t>ダ</t>
    </rPh>
    <rPh sb="13" eb="14">
      <t>イタダ</t>
    </rPh>
    <rPh sb="22" eb="24">
      <t>コウシ</t>
    </rPh>
    <rPh sb="24" eb="26">
      <t>シャレイ</t>
    </rPh>
    <rPh sb="27" eb="30">
      <t>コウツウヒ</t>
    </rPh>
    <rPh sb="30" eb="31">
      <t>トウ</t>
    </rPh>
    <rPh sb="32" eb="34">
      <t>ヒヨウ</t>
    </rPh>
    <rPh sb="34" eb="36">
      <t>フタン</t>
    </rPh>
    <phoneticPr fontId="1"/>
  </si>
  <si>
    <t>団体が抱える課題</t>
    <rPh sb="0" eb="2">
      <t>ダンタイ</t>
    </rPh>
    <rPh sb="3" eb="4">
      <t>カカ</t>
    </rPh>
    <rPh sb="6" eb="8">
      <t>カダイ</t>
    </rPh>
    <phoneticPr fontId="1"/>
  </si>
  <si>
    <t>１．団体に関する基本情報</t>
    <rPh sb="2" eb="4">
      <t>ダンタイ</t>
    </rPh>
    <rPh sb="5" eb="6">
      <t>カン</t>
    </rPh>
    <rPh sb="8" eb="10">
      <t>キホン</t>
    </rPh>
    <rPh sb="10" eb="12">
      <t>ジョウホウ</t>
    </rPh>
    <phoneticPr fontId="1"/>
  </si>
  <si>
    <t>２．連携したい取組に関する情報</t>
    <rPh sb="2" eb="4">
      <t>レンケイ</t>
    </rPh>
    <rPh sb="7" eb="9">
      <t>トリクミ</t>
    </rPh>
    <rPh sb="10" eb="11">
      <t>カン</t>
    </rPh>
    <rPh sb="13" eb="15">
      <t>ジョウホウ</t>
    </rPh>
    <phoneticPr fontId="1"/>
  </si>
  <si>
    <t>実施したい取組の名称</t>
    <rPh sb="0" eb="2">
      <t>ジッシ</t>
    </rPh>
    <rPh sb="5" eb="7">
      <t>トリクミ</t>
    </rPh>
    <rPh sb="8" eb="10">
      <t>メイショウ</t>
    </rPh>
    <phoneticPr fontId="1"/>
  </si>
  <si>
    <t>取組の概要</t>
    <rPh sb="3" eb="5">
      <t>ガイヨウ</t>
    </rPh>
    <phoneticPr fontId="1"/>
  </si>
  <si>
    <t>①当該連携により、参加者同士、参加者と事業主体等との交流が図られることで、孤独・孤立の解消につながるため</t>
    <rPh sb="1" eb="3">
      <t>トウガイ</t>
    </rPh>
    <rPh sb="3" eb="5">
      <t>レンケイ</t>
    </rPh>
    <rPh sb="9" eb="12">
      <t>サンカシャ</t>
    </rPh>
    <rPh sb="12" eb="14">
      <t>ドウシ</t>
    </rPh>
    <rPh sb="15" eb="18">
      <t>サンカシャ</t>
    </rPh>
    <rPh sb="19" eb="21">
      <t>ジギョウ</t>
    </rPh>
    <rPh sb="21" eb="23">
      <t>シュタイ</t>
    </rPh>
    <rPh sb="23" eb="24">
      <t>トウ</t>
    </rPh>
    <rPh sb="26" eb="28">
      <t>コウリュウ</t>
    </rPh>
    <rPh sb="29" eb="30">
      <t>ハカ</t>
    </rPh>
    <rPh sb="37" eb="39">
      <t>コドク</t>
    </rPh>
    <rPh sb="40" eb="42">
      <t>コリツ</t>
    </rPh>
    <rPh sb="43" eb="45">
      <t>カイショウ</t>
    </rPh>
    <phoneticPr fontId="1"/>
  </si>
  <si>
    <t>②当該連携により、参加者の孤独・孤立又は孤独・孤立と関連する事項の理解が深まることで、孤独・孤立対策の機運醸成が図れるため</t>
    <rPh sb="1" eb="3">
      <t>トウガイ</t>
    </rPh>
    <rPh sb="3" eb="5">
      <t>レンケイ</t>
    </rPh>
    <rPh sb="9" eb="12">
      <t>サンカシャ</t>
    </rPh>
    <rPh sb="13" eb="15">
      <t>コドク</t>
    </rPh>
    <rPh sb="16" eb="18">
      <t>コリツ</t>
    </rPh>
    <rPh sb="18" eb="19">
      <t>マタ</t>
    </rPh>
    <rPh sb="20" eb="22">
      <t>コドク</t>
    </rPh>
    <rPh sb="23" eb="25">
      <t>コリツ</t>
    </rPh>
    <rPh sb="26" eb="28">
      <t>カンレン</t>
    </rPh>
    <rPh sb="30" eb="32">
      <t>ジコウ</t>
    </rPh>
    <rPh sb="33" eb="35">
      <t>リカイ</t>
    </rPh>
    <rPh sb="36" eb="37">
      <t>フカ</t>
    </rPh>
    <rPh sb="43" eb="45">
      <t>コドク</t>
    </rPh>
    <rPh sb="46" eb="48">
      <t>コリツ</t>
    </rPh>
    <rPh sb="48" eb="50">
      <t>タイサク</t>
    </rPh>
    <rPh sb="51" eb="53">
      <t>キウン</t>
    </rPh>
    <rPh sb="53" eb="55">
      <t>ジョウセイ</t>
    </rPh>
    <rPh sb="56" eb="57">
      <t>ハカ</t>
    </rPh>
    <phoneticPr fontId="1"/>
  </si>
  <si>
    <t>③当該連携により、事業主体が支援等する対象者の孤独・孤立対策が図れるため</t>
    <rPh sb="1" eb="3">
      <t>トウガイ</t>
    </rPh>
    <rPh sb="3" eb="4">
      <t>レン</t>
    </rPh>
    <rPh sb="6" eb="8">
      <t>ジギョウ</t>
    </rPh>
    <rPh sb="8" eb="10">
      <t>シュタイ</t>
    </rPh>
    <rPh sb="11" eb="13">
      <t>シエン</t>
    </rPh>
    <rPh sb="13" eb="14">
      <t>トウ</t>
    </rPh>
    <rPh sb="16" eb="19">
      <t>タイショウシャ</t>
    </rPh>
    <rPh sb="20" eb="22">
      <t>コドク</t>
    </rPh>
    <rPh sb="23" eb="25">
      <t>コリツ</t>
    </rPh>
    <rPh sb="25" eb="27">
      <t>タイサク</t>
    </rPh>
    <rPh sb="28" eb="29">
      <t>ハカ</t>
    </rPh>
    <phoneticPr fontId="1"/>
  </si>
  <si>
    <t>団体の概要が分かる資料・HP</t>
    <rPh sb="0" eb="2">
      <t>ダンタイ</t>
    </rPh>
    <rPh sb="3" eb="5">
      <t>ガイヨウ</t>
    </rPh>
    <rPh sb="6" eb="7">
      <t>ワ</t>
    </rPh>
    <rPh sb="9" eb="11">
      <t>シリョウ</t>
    </rPh>
    <phoneticPr fontId="1"/>
  </si>
  <si>
    <t>取組の概要が分かる資料・HP</t>
    <rPh sb="0" eb="2">
      <t>トリクミ</t>
    </rPh>
    <rPh sb="3" eb="5">
      <t>ガイヨウ</t>
    </rPh>
    <rPh sb="6" eb="7">
      <t>ワ</t>
    </rPh>
    <rPh sb="9" eb="11">
      <t>シリョウ</t>
    </rPh>
    <phoneticPr fontId="1"/>
  </si>
  <si>
    <t>主な対象者</t>
    <rPh sb="0" eb="1">
      <t>オモ</t>
    </rPh>
    <rPh sb="2" eb="5">
      <t>タイショウシャ</t>
    </rPh>
    <phoneticPr fontId="1"/>
  </si>
  <si>
    <t>希望する実施地域</t>
    <rPh sb="0" eb="2">
      <t>キボウ</t>
    </rPh>
    <rPh sb="4" eb="6">
      <t>ジッシ</t>
    </rPh>
    <rPh sb="6" eb="8">
      <t>チイキ</t>
    </rPh>
    <phoneticPr fontId="1"/>
  </si>
  <si>
    <t>県内全域</t>
    <rPh sb="0" eb="2">
      <t>ケンナイ</t>
    </rPh>
    <rPh sb="2" eb="4">
      <t>ゼンイキ</t>
    </rPh>
    <phoneticPr fontId="1"/>
  </si>
  <si>
    <t>希望する具体的な実施場所</t>
    <rPh sb="0" eb="2">
      <t>キボウ</t>
    </rPh>
    <rPh sb="4" eb="7">
      <t>グタイテキ</t>
    </rPh>
    <rPh sb="8" eb="10">
      <t>ジッシ</t>
    </rPh>
    <rPh sb="10" eb="12">
      <t>バショ</t>
    </rPh>
    <phoneticPr fontId="1"/>
  </si>
  <si>
    <t>自前で対応可能なこと</t>
    <rPh sb="0" eb="2">
      <t>ジマエ</t>
    </rPh>
    <rPh sb="3" eb="5">
      <t>タイオウ</t>
    </rPh>
    <rPh sb="5" eb="7">
      <t>カノウ</t>
    </rPh>
    <phoneticPr fontId="1"/>
  </si>
  <si>
    <t>連携先にご協力頂きたいこと</t>
    <rPh sb="0" eb="2">
      <t>レンケイ</t>
    </rPh>
    <rPh sb="2" eb="3">
      <t>サキ</t>
    </rPh>
    <rPh sb="5" eb="7">
      <t>キョウリョク</t>
    </rPh>
    <rPh sb="7" eb="8">
      <t>イタダ</t>
    </rPh>
    <phoneticPr fontId="1"/>
  </si>
  <si>
    <t>事例ごとの個別判断</t>
    <rPh sb="0" eb="2">
      <t>ジレイ</t>
    </rPh>
    <rPh sb="5" eb="7">
      <t>コベツ</t>
    </rPh>
    <rPh sb="7" eb="9">
      <t>ハンダン</t>
    </rPh>
    <phoneticPr fontId="1"/>
  </si>
  <si>
    <t>様々な地域福祉領域を中心とした資源（人材、情報ネットワーク、教育、支援など）</t>
    <phoneticPr fontId="1"/>
  </si>
  <si>
    <t>支援ニーズの多様化により、医療的支援や深刻な心理・精神面の課題を抱えるケースなど、単独では対応が困難な領域がある。</t>
    <phoneticPr fontId="1"/>
  </si>
  <si>
    <t>No</t>
  </si>
  <si>
    <t>団体の事業概要</t>
    <rPh sb="0" eb="2">
      <t>ダンタイ</t>
    </rPh>
    <rPh sb="3" eb="5">
      <t>ジギョウ</t>
    </rPh>
    <rPh sb="5" eb="7">
      <t>ガイヨウ</t>
    </rPh>
    <phoneticPr fontId="1"/>
  </si>
  <si>
    <t>団体が提供可能な資源（団体が協力できること）</t>
    <rPh sb="0" eb="2">
      <t>ダンタイ</t>
    </rPh>
    <rPh sb="3" eb="5">
      <t>テイキョウ</t>
    </rPh>
    <rPh sb="5" eb="7">
      <t>カノウ</t>
    </rPh>
    <rPh sb="8" eb="10">
      <t>シゲン</t>
    </rPh>
    <rPh sb="11" eb="13">
      <t>ダンタイ</t>
    </rPh>
    <rPh sb="14" eb="16">
      <t>キョウリョク</t>
    </rPh>
    <phoneticPr fontId="1"/>
  </si>
  <si>
    <t>協力にあたっての要件（費用負担等）</t>
    <rPh sb="0" eb="2">
      <t>キョウリョク</t>
    </rPh>
    <rPh sb="8" eb="10">
      <t>ヨウケン</t>
    </rPh>
    <rPh sb="11" eb="13">
      <t>ヒヨウ</t>
    </rPh>
    <rPh sb="13" eb="15">
      <t>フタン</t>
    </rPh>
    <rPh sb="15" eb="16">
      <t>トウ</t>
    </rPh>
    <phoneticPr fontId="1"/>
  </si>
  <si>
    <t>ご協力いただくにあたっての確認事項（費用負担等）</t>
    <rPh sb="1" eb="3">
      <t>キョウリョク</t>
    </rPh>
    <rPh sb="13" eb="15">
      <t>カクニン</t>
    </rPh>
    <rPh sb="15" eb="17">
      <t>ジコウ</t>
    </rPh>
    <rPh sb="18" eb="20">
      <t>ヒヨウ</t>
    </rPh>
    <rPh sb="20" eb="22">
      <t>フタン</t>
    </rPh>
    <rPh sb="22" eb="23">
      <t>トウ</t>
    </rPh>
    <phoneticPr fontId="1"/>
  </si>
  <si>
    <t>担当</t>
    <rPh sb="0" eb="2">
      <t>タントウ</t>
    </rPh>
    <phoneticPr fontId="1"/>
  </si>
  <si>
    <t>連絡先</t>
  </si>
  <si>
    <t>生活協同組合パルシステム神奈川</t>
  </si>
  <si>
    <t>生活協同組合ユーコープ</t>
  </si>
  <si>
    <t>公益社団法人かながわ福祉サービス振興会</t>
  </si>
  <si>
    <t>ユニバーサル就労支援事務局</t>
  </si>
  <si>
    <t>特定非営利活動法人ナレッジ・リンク</t>
  </si>
  <si>
    <t>公益社団法人アマヤドリ</t>
  </si>
  <si>
    <t>株式会社OTERA</t>
  </si>
  <si>
    <t>株式会社ツルハ</t>
  </si>
  <si>
    <t>NPO法人はたらくらす</t>
  </si>
  <si>
    <t>特定非営利活動法人　鎌倉あそび基地</t>
  </si>
  <si>
    <t>NPO法人ぴあっと</t>
  </si>
  <si>
    <t>株式会社共創</t>
  </si>
  <si>
    <t>わってらか</t>
  </si>
  <si>
    <t>茅ヶ崎市</t>
    <rPh sb="0" eb="4">
      <t>チガサキシ</t>
    </rPh>
    <phoneticPr fontId="3"/>
  </si>
  <si>
    <t>「県民とともに創る新しい公共」を理念に、様々な事業を通じて地域福祉の増進を目指す</t>
  </si>
  <si>
    <t>「働きたいけれど働けずにいる方」の就労支援を行っています。</t>
  </si>
  <si>
    <t>管理栄養士の資格を活かし、お客様のQOL向上に寄与する</t>
  </si>
  <si>
    <t>街づくりコーディネーターとして、子育て支援事業や教育事業、人材育成等を行っている</t>
  </si>
  <si>
    <t>フリースクールLargoと学童保育ふかふかの運営</t>
  </si>
  <si>
    <t>発達障害・知的障害のあるお子さんとそのご家族支援</t>
  </si>
  <si>
    <t>地域資源循環で人と地域をつなぐ活動</t>
  </si>
  <si>
    <t>子育てと地域をつなぐ常設のまちの居場所 ‐子育てと暮らしを安心で楽しく‐</t>
  </si>
  <si>
    <t>地域の中に子どもが安心できる居場所を継続していくためには、多様な関係機関の連携が必須となります。困っている子どもがいれば、学校や行政に相談し連携する、役に立ちそうな活動をしている他の団体を紹介する、など社会資源を最大限活用して支え合っています。かながわつながりネットワークと連携することで、より有用な課題解決が実現できると思います。</t>
  </si>
  <si>
    <t>発達障害や知的障害のある子どもと家族は、支援制度や相談先が分かりにくく、悩みを抱えたまま家庭内で孤立しやすい状況があります。また、教育・福祉・医療・地域の情報や支援が分断され、必要なつながりに届かない課題があります。多様な関係機関が連携し、顔の見える関係を築くことで、孤独・孤立を防ぎ、安心して相談・参加できる地域づくりが求められています。</t>
  </si>
  <si>
    <t>廃食油回収を通じた地域の接点づくりを進めているが、支援を必要とする孤立しがちな方々へ直接情報が届きにくいことが課題。環境・福祉・教育・地域団体等との連携により、活動参加のきっかけや居場所につなげる導線を強化し、地域全体で孤独・孤立の予防と早期発見につなげる仕組みづくりが必要と考えている。</t>
  </si>
  <si>
    <t>常設のまちの居場所だからこそ、気軽な立ち寄りができ、初めてや一人の方、繰り返しの方ともに増加（子どもと大人の来訪数延べ212名/月）。地域に知り合いがいないという親子、学校にいきづらいこども、発達等育児の不安を抱える親子も来訪。子育てに関わる方、こども、移住者、作家、出店者、地域の人など居合わせた人の多様なつながりを育んでいる。遊びの見守り、育児相談、情報交換、楽しい企画など輪が広がっている。</t>
  </si>
  <si>
    <t>アマヤドリでは「チームで支援すること」を大切にしています。 １人の相談者に対して、複数名の相談スタッフで関わることで、見立てや支援の方向性・対応をさまざまな視点から思案します。 その中で、本人の希望があれば、他団体や行政との連携も積極的に行っていることで、１人のスタッフや１団体に依存するのではなく、信頼できる大人を増やしていく体験ができるように支援しています。</t>
  </si>
  <si>
    <t>人材では、20名近いスタッフ、在籍している子どもたちとその家族、OBOG 　100名以上のサポーター、心理師、ボランティア、地域の人々、学校の教員、SW、行政の方々など様々な人と共に活動しています。施設は、開放的で木の香りに囲まれて、様々なハンモックで癒される場所となっていて、団体として10年間の蓄積された運営ノウハウも持っています。</t>
  </si>
  <si>
    <t>当法人は、発達障害や知的障害のある子どもと家族、福祉事業所、学校、行政、専門職との継続的なネットワークを有しています。また、地域の支援情報を集約した情報サイト運営のノウハウ、家族の声を丁寧に聴き可視化するヒアリング力や情報整理をする力、出前授業の実践経験があります。これらの人的・知的資源を活かし、立場を越えたつながりづくりを推進できます。</t>
  </si>
  <si>
    <t>廃食油回収ネットワーク（家庭・飲食店・学校・地域団体）、小学校との総合学習連携実績、地域イベントや回収拠点という“人が集まる場”の運営ノウハウ、環境活動をきっかけに参加しやすい仕組みづくりの経験。子どもから高齢者まで関われる活動設計と、寄付循環を通じた地域団体とのつながりが資源。</t>
  </si>
  <si>
    <t>子育てと地域をつなぐ常設のまちの居場所づくり、小田原のまちの場・人とのつながりから育んできた活動、 多様な経験を持つスタッフがつなぎ手となる取り組み（まちづくりコーディネート、子育て・子ども支援・教育、福祉、地域活動等）</t>
  </si>
  <si>
    <t>特定非営利活動法人ことさんち</t>
    <rPh sb="0" eb="9">
      <t>トクテイヒエイリカツドウホウジン</t>
    </rPh>
    <phoneticPr fontId="1"/>
  </si>
  <si>
    <t>『知る』ことから始まる、様々なかたちの親子が特別視されることなく生きやすい社会をつくるための多方面からアプローチした活動</t>
    <rPh sb="1" eb="2">
      <t>シ</t>
    </rPh>
    <rPh sb="8" eb="9">
      <t>ハジ</t>
    </rPh>
    <rPh sb="46" eb="49">
      <t>タホウメン</t>
    </rPh>
    <phoneticPr fontId="1"/>
  </si>
  <si>
    <t>自身の出自や環境などの背景が特別視されるため、本来の自分を隠し過ごすことで孤独を感じる方がいます。親も子もその孤独感・孤立感は同様です。存在と良さを知らせる場で特別視が無くなり、同じ境遇同士が繋がることで孤独を解決することに繋がります。孤立解決のための『知る』『知らせる』場をさがしています。</t>
    <rPh sb="118" eb="120">
      <t>コリツ</t>
    </rPh>
    <rPh sb="120" eb="122">
      <t>カイケツ</t>
    </rPh>
    <phoneticPr fontId="1"/>
  </si>
  <si>
    <t>当事者からの発信…養子縁組親子・養育里親子・ひとり親等の様々な方からの意見発信
知識…子育て関係・児童養護や人権関係の講義講習
イベント等の企運営・連携内容の柔軟さ</t>
    <rPh sb="6" eb="8">
      <t>ハッシン</t>
    </rPh>
    <rPh sb="26" eb="27">
      <t>トウ</t>
    </rPh>
    <rPh sb="31" eb="32">
      <t>カタ</t>
    </rPh>
    <rPh sb="35" eb="37">
      <t>イケン</t>
    </rPh>
    <rPh sb="37" eb="39">
      <t>ハッシン</t>
    </rPh>
    <rPh sb="54" eb="56">
      <t>ジンケン</t>
    </rPh>
    <rPh sb="59" eb="61">
      <t>コウギ</t>
    </rPh>
    <rPh sb="61" eb="63">
      <t>コウシュウ</t>
    </rPh>
    <rPh sb="76" eb="78">
      <t>ナイヨウ</t>
    </rPh>
    <rPh sb="79" eb="81">
      <t>ジュウナン</t>
    </rPh>
    <phoneticPr fontId="1"/>
  </si>
  <si>
    <t>事例ごとの個別判断</t>
    <rPh sb="0" eb="2">
      <t>ジレイ</t>
    </rPh>
    <phoneticPr fontId="1"/>
  </si>
  <si>
    <t>https://cototsukuri.com/news/</t>
    <phoneticPr fontId="1"/>
  </si>
  <si>
    <t>・多様性を発信するパネル展
・連携相手と互いの発信ができる相乗効果のあるイベント等の開催
・講義講習の場(企業の社員向け人権講習・社会的養護についての講義など)</t>
    <rPh sb="1" eb="4">
      <t>タヨウセイ</t>
    </rPh>
    <rPh sb="5" eb="7">
      <t>ハッシン</t>
    </rPh>
    <rPh sb="12" eb="13">
      <t>テン</t>
    </rPh>
    <rPh sb="15" eb="17">
      <t>レンケイ</t>
    </rPh>
    <rPh sb="17" eb="19">
      <t>アイテ</t>
    </rPh>
    <rPh sb="20" eb="21">
      <t>タガ</t>
    </rPh>
    <rPh sb="23" eb="25">
      <t>ハッシン</t>
    </rPh>
    <rPh sb="29" eb="33">
      <t>ソウジョウコウカ</t>
    </rPh>
    <rPh sb="40" eb="41">
      <t>トウ</t>
    </rPh>
    <rPh sb="42" eb="44">
      <t>カイサイ</t>
    </rPh>
    <rPh sb="46" eb="48">
      <t>コウギ</t>
    </rPh>
    <rPh sb="48" eb="50">
      <t>コウシュウ</t>
    </rPh>
    <rPh sb="51" eb="52">
      <t>バ</t>
    </rPh>
    <rPh sb="53" eb="55">
      <t>キギョウ</t>
    </rPh>
    <rPh sb="56" eb="58">
      <t>シャイン</t>
    </rPh>
    <rPh sb="58" eb="59">
      <t>ム</t>
    </rPh>
    <rPh sb="60" eb="62">
      <t>ジンケン</t>
    </rPh>
    <rPh sb="62" eb="64">
      <t>コウシュウ</t>
    </rPh>
    <rPh sb="65" eb="70">
      <t>シャカイテキヨウゴ</t>
    </rPh>
    <rPh sb="75" eb="77">
      <t>コウギ</t>
    </rPh>
    <phoneticPr fontId="1"/>
  </si>
  <si>
    <t xml:space="preserve">［いろんなかたちの親子展］
https://cototsukuri.com/oyako-ten/
イベント　ことさんちフェスタ
https://cototsukuri.com/cotosanchi-festa/
</t>
    <phoneticPr fontId="1"/>
  </si>
  <si>
    <t>誰もが対象</t>
    <rPh sb="0" eb="1">
      <t>ダレ</t>
    </rPh>
    <rPh sb="3" eb="5">
      <t>タイショウ</t>
    </rPh>
    <phoneticPr fontId="1"/>
  </si>
  <si>
    <t>・イベント開催は企画内容次第で相当数の参加を計画することができる
・講義講習　対象によって内容を考案するため人数規定なし</t>
    <rPh sb="5" eb="7">
      <t>カイサイ</t>
    </rPh>
    <rPh sb="8" eb="10">
      <t>キカク</t>
    </rPh>
    <rPh sb="10" eb="12">
      <t>ナイヨウ</t>
    </rPh>
    <rPh sb="12" eb="14">
      <t>シダイ</t>
    </rPh>
    <rPh sb="15" eb="18">
      <t>ソウトウスウ</t>
    </rPh>
    <rPh sb="19" eb="21">
      <t>サンカ</t>
    </rPh>
    <rPh sb="22" eb="24">
      <t>ケイカク</t>
    </rPh>
    <rPh sb="34" eb="36">
      <t>コウギ</t>
    </rPh>
    <rPh sb="36" eb="38">
      <t>コウシュウ</t>
    </rPh>
    <rPh sb="39" eb="41">
      <t>タイショウ</t>
    </rPh>
    <rPh sb="45" eb="47">
      <t>ナイヨウ</t>
    </rPh>
    <rPh sb="48" eb="50">
      <t>コウアン</t>
    </rPh>
    <rPh sb="54" eb="56">
      <t>ニンズウ</t>
    </rPh>
    <rPh sb="56" eb="58">
      <t>キテイ</t>
    </rPh>
    <phoneticPr fontId="1"/>
  </si>
  <si>
    <t>内容に応じて調整可能</t>
    <rPh sb="0" eb="2">
      <t>ナイヨウ</t>
    </rPh>
    <rPh sb="3" eb="4">
      <t>オウ</t>
    </rPh>
    <rPh sb="6" eb="8">
      <t>チョウセイ</t>
    </rPh>
    <rPh sb="8" eb="10">
      <t>カノウ</t>
    </rPh>
    <phoneticPr fontId="1"/>
  </si>
  <si>
    <t>パネル展…人の往来のある屋内
イベント…指定無
講義講習…指定無</t>
    <rPh sb="3" eb="4">
      <t>テン</t>
    </rPh>
    <rPh sb="5" eb="6">
      <t>ヒト</t>
    </rPh>
    <rPh sb="7" eb="9">
      <t>オウライ</t>
    </rPh>
    <rPh sb="12" eb="14">
      <t>オクナイ</t>
    </rPh>
    <rPh sb="20" eb="23">
      <t>シテイナシ</t>
    </rPh>
    <rPh sb="24" eb="26">
      <t>コウギ</t>
    </rPh>
    <rPh sb="26" eb="28">
      <t>コウシュウ</t>
    </rPh>
    <rPh sb="29" eb="32">
      <t>シテイナシ</t>
    </rPh>
    <phoneticPr fontId="1"/>
  </si>
  <si>
    <t>・展示パネル
・講義資料</t>
    <rPh sb="1" eb="3">
      <t>テンジ</t>
    </rPh>
    <rPh sb="8" eb="10">
      <t>コウギ</t>
    </rPh>
    <rPh sb="10" eb="12">
      <t>シリョウ</t>
    </rPh>
    <phoneticPr fontId="1"/>
  </si>
  <si>
    <t>・団体と活動の周知啓発場所や機会
・パネル展・周知イベントの開催場所提供
・2026年5/9(土)開催、法人設立記念イベントへの協賛・グッズ作成などの協力等
https://cototsukuri.com/cotosanchi-festa/</t>
    <rPh sb="46" eb="49">
      <t>ド</t>
    </rPh>
    <phoneticPr fontId="1"/>
  </si>
  <si>
    <t>内容ごと個別に相談</t>
    <rPh sb="0" eb="2">
      <t>ナイヨウ</t>
    </rPh>
    <rPh sb="4" eb="6">
      <t>コベツ</t>
    </rPh>
    <rPh sb="7" eb="9">
      <t>ソウダン</t>
    </rPh>
    <phoneticPr fontId="1"/>
  </si>
  <si>
    <t>・各市町村
・企業
・学校</t>
    <rPh sb="1" eb="2">
      <t>カク</t>
    </rPh>
    <rPh sb="2" eb="5">
      <t>シチョウソン</t>
    </rPh>
    <rPh sb="7" eb="9">
      <t>キギョウ</t>
    </rPh>
    <rPh sb="11" eb="13">
      <t>ガッコウ</t>
    </rPh>
    <phoneticPr fontId="1"/>
  </si>
  <si>
    <t>幅広い範囲＝多くの方を対象とした活動が可能となるため</t>
    <rPh sb="0" eb="2">
      <t>ハバヒロ</t>
    </rPh>
    <rPh sb="3" eb="5">
      <t>ハンイ</t>
    </rPh>
    <rPh sb="6" eb="7">
      <t>オオ</t>
    </rPh>
    <rPh sb="9" eb="10">
      <t>カタ</t>
    </rPh>
    <rPh sb="11" eb="13">
      <t>タイショウ</t>
    </rPh>
    <rPh sb="16" eb="18">
      <t>カツドウ</t>
    </rPh>
    <rPh sb="19" eb="21">
      <t>カノウ</t>
    </rPh>
    <phoneticPr fontId="1"/>
  </si>
  <si>
    <t>じつなり</t>
    <phoneticPr fontId="1"/>
  </si>
  <si>
    <t>npo.cotosanchi@gmail.com</t>
    <phoneticPr fontId="1"/>
  </si>
  <si>
    <t>別添のとおり</t>
    <rPh sb="0" eb="2">
      <t>ベッテン</t>
    </rPh>
    <phoneticPr fontId="1"/>
  </si>
  <si>
    <t>https://npo-piatto.jp/</t>
    <phoneticPr fontId="1"/>
  </si>
  <si>
    <t>発達特性の理解につながる出前授業</t>
    <rPh sb="0" eb="4">
      <t>ハッタツトクセイ</t>
    </rPh>
    <rPh sb="5" eb="7">
      <t>リカイ</t>
    </rPh>
    <rPh sb="12" eb="16">
      <t>デマエジュギョウ</t>
    </rPh>
    <phoneticPr fontId="1"/>
  </si>
  <si>
    <t>発達に特性のあるお子さんが多く抱えている、感覚の過敏さと鈍感さに焦点を当てた授業を行う。</t>
    <rPh sb="38" eb="40">
      <t>ジュギョウ</t>
    </rPh>
    <rPh sb="41" eb="42">
      <t>オコナ</t>
    </rPh>
    <phoneticPr fontId="1"/>
  </si>
  <si>
    <t>県内の児童・生徒を始め、教職員、市町村・社協職員、民生委員等、特性のある子どもたちを理解したい方、どなたでも</t>
    <rPh sb="0" eb="2">
      <t>ケンナイ</t>
    </rPh>
    <rPh sb="3" eb="5">
      <t>ジドウ</t>
    </rPh>
    <rPh sb="6" eb="8">
      <t>セイト</t>
    </rPh>
    <rPh sb="9" eb="10">
      <t>ハジ</t>
    </rPh>
    <rPh sb="12" eb="15">
      <t>キョウショクイン</t>
    </rPh>
    <rPh sb="16" eb="19">
      <t>シチョウソン</t>
    </rPh>
    <rPh sb="20" eb="22">
      <t>シャキョウ</t>
    </rPh>
    <rPh sb="22" eb="24">
      <t>ショクイン</t>
    </rPh>
    <rPh sb="25" eb="27">
      <t>ミンセイ</t>
    </rPh>
    <rPh sb="27" eb="29">
      <t>イイン</t>
    </rPh>
    <rPh sb="29" eb="30">
      <t>トウ</t>
    </rPh>
    <rPh sb="31" eb="33">
      <t>トクセイ</t>
    </rPh>
    <rPh sb="36" eb="37">
      <t>コ</t>
    </rPh>
    <rPh sb="42" eb="44">
      <t>リカイ</t>
    </rPh>
    <rPh sb="47" eb="48">
      <t>カタ</t>
    </rPh>
    <phoneticPr fontId="1"/>
  </si>
  <si>
    <t>各回20名程度～（目安）</t>
    <rPh sb="0" eb="2">
      <t>カクカイ</t>
    </rPh>
    <rPh sb="4" eb="5">
      <t>ナ</t>
    </rPh>
    <rPh sb="5" eb="7">
      <t>テイド</t>
    </rPh>
    <rPh sb="9" eb="11">
      <t>メヤス</t>
    </rPh>
    <phoneticPr fontId="1"/>
  </si>
  <si>
    <t>各回１時間程度</t>
    <rPh sb="0" eb="2">
      <t>カクカイ</t>
    </rPh>
    <rPh sb="3" eb="5">
      <t>ジカン</t>
    </rPh>
    <rPh sb="5" eb="7">
      <t>テイド</t>
    </rPh>
    <phoneticPr fontId="1"/>
  </si>
  <si>
    <t>教室・会議室等</t>
    <rPh sb="0" eb="2">
      <t>キョウシツ</t>
    </rPh>
    <rPh sb="3" eb="6">
      <t>カイギシツ</t>
    </rPh>
    <rPh sb="6" eb="7">
      <t>トウ</t>
    </rPh>
    <phoneticPr fontId="1"/>
  </si>
  <si>
    <t>講師、授業実施のための人員、授業資料</t>
    <rPh sb="0" eb="2">
      <t>コウシ</t>
    </rPh>
    <rPh sb="3" eb="5">
      <t>ジュギョウ</t>
    </rPh>
    <rPh sb="5" eb="7">
      <t>ジッシ</t>
    </rPh>
    <rPh sb="11" eb="13">
      <t>ジンイン</t>
    </rPh>
    <rPh sb="14" eb="16">
      <t>ジュギョウ</t>
    </rPh>
    <rPh sb="16" eb="18">
      <t>シリョウ</t>
    </rPh>
    <phoneticPr fontId="1"/>
  </si>
  <si>
    <t>授業を実施可能な教室・会議室等の用意
スクリーン・プロジェクター、もしくはPC画面を投影できる大型モニターなど</t>
    <rPh sb="0" eb="2">
      <t>ジュギョウ</t>
    </rPh>
    <rPh sb="3" eb="5">
      <t>ジッシ</t>
    </rPh>
    <rPh sb="5" eb="7">
      <t>カノウ</t>
    </rPh>
    <rPh sb="8" eb="10">
      <t>キョウシツ</t>
    </rPh>
    <rPh sb="11" eb="14">
      <t>カイギシツ</t>
    </rPh>
    <rPh sb="14" eb="15">
      <t>トウ</t>
    </rPh>
    <rPh sb="16" eb="18">
      <t>ヨウイ</t>
    </rPh>
    <rPh sb="39" eb="41">
      <t>ガメン</t>
    </rPh>
    <rPh sb="42" eb="44">
      <t>トウエイ</t>
    </rPh>
    <rPh sb="47" eb="49">
      <t>オオガタ</t>
    </rPh>
    <phoneticPr fontId="1"/>
  </si>
  <si>
    <t>・教室・会議室等は無償で貸し出しいただけるとありがたいです。
・交通費は実費、講師謝礼は人数・規模により相談とさせてください。</t>
    <rPh sb="1" eb="3">
      <t>キョウシツ</t>
    </rPh>
    <rPh sb="4" eb="7">
      <t>カイギシツ</t>
    </rPh>
    <rPh sb="7" eb="8">
      <t>トウ</t>
    </rPh>
    <rPh sb="9" eb="11">
      <t>ムショウ</t>
    </rPh>
    <rPh sb="12" eb="13">
      <t>カ</t>
    </rPh>
    <rPh sb="14" eb="15">
      <t>ダ</t>
    </rPh>
    <rPh sb="32" eb="35">
      <t>コウツウヒ</t>
    </rPh>
    <rPh sb="36" eb="38">
      <t>ジッピ</t>
    </rPh>
    <rPh sb="39" eb="41">
      <t>コウシ</t>
    </rPh>
    <rPh sb="41" eb="43">
      <t>シャレイ</t>
    </rPh>
    <rPh sb="44" eb="46">
      <t>ニンズウ</t>
    </rPh>
    <rPh sb="47" eb="49">
      <t>キボ</t>
    </rPh>
    <rPh sb="52" eb="54">
      <t>ソウダン</t>
    </rPh>
    <phoneticPr fontId="1"/>
  </si>
  <si>
    <t>県内の市町村・社協等</t>
    <rPh sb="0" eb="2">
      <t>ケンナイ</t>
    </rPh>
    <rPh sb="3" eb="6">
      <t>シチョウソン</t>
    </rPh>
    <rPh sb="7" eb="9">
      <t>シャキョウ</t>
    </rPh>
    <rPh sb="9" eb="10">
      <t>トウ</t>
    </rPh>
    <phoneticPr fontId="1"/>
  </si>
  <si>
    <t>まずは、発達障害児やその家族から相談を受ける立場の方々に、当事者の感じ方を知っておいていただきたいため。</t>
    <rPh sb="4" eb="6">
      <t>ハッタツ</t>
    </rPh>
    <rPh sb="6" eb="8">
      <t>ショウガイ</t>
    </rPh>
    <rPh sb="8" eb="9">
      <t>ジ</t>
    </rPh>
    <rPh sb="12" eb="14">
      <t>カゾク</t>
    </rPh>
    <rPh sb="16" eb="18">
      <t>ソウダン</t>
    </rPh>
    <rPh sb="19" eb="20">
      <t>ウ</t>
    </rPh>
    <rPh sb="22" eb="24">
      <t>タチバ</t>
    </rPh>
    <rPh sb="25" eb="27">
      <t>カタガタ</t>
    </rPh>
    <rPh sb="29" eb="32">
      <t>トウジシャ</t>
    </rPh>
    <rPh sb="33" eb="34">
      <t>カン</t>
    </rPh>
    <rPh sb="35" eb="36">
      <t>カタ</t>
    </rPh>
    <rPh sb="37" eb="38">
      <t>シ</t>
    </rPh>
    <phoneticPr fontId="1"/>
  </si>
  <si>
    <t>五十嵐　舞子
杉山　千恵</t>
    <rPh sb="0" eb="3">
      <t>イカラシ</t>
    </rPh>
    <rPh sb="4" eb="6">
      <t>マイコ</t>
    </rPh>
    <rPh sb="7" eb="9">
      <t>スギヤマ</t>
    </rPh>
    <rPh sb="10" eb="12">
      <t>チエ</t>
    </rPh>
    <phoneticPr fontId="1"/>
  </si>
  <si>
    <t>042-816-3050
info@npo-piatto.jp</t>
    <phoneticPr fontId="1"/>
  </si>
  <si>
    <t>https://npo-piatto.jp/demaejyugyou_2025/</t>
    <phoneticPr fontId="1"/>
  </si>
  <si>
    <t>出前授業以外に、「発達情報サイト『みかた』への、イベント情報の掲載」も可能です。
発達障害・知的障害に関するイベントや、発達障害児とご家族向けのお知らせなど、周知を希望される情報を、情報サイトに無料で掲載することができます。</t>
    <rPh sb="0" eb="2">
      <t>デマエ</t>
    </rPh>
    <rPh sb="2" eb="4">
      <t>ジュギョウ</t>
    </rPh>
    <rPh sb="4" eb="6">
      <t>イガイ</t>
    </rPh>
    <rPh sb="35" eb="37">
      <t>カノウ</t>
    </rPh>
    <rPh sb="41" eb="45">
      <t>ハッタツショウガイ</t>
    </rPh>
    <rPh sb="46" eb="50">
      <t>チテキショウガイ</t>
    </rPh>
    <rPh sb="51" eb="52">
      <t>カン</t>
    </rPh>
    <rPh sb="60" eb="62">
      <t>ハッタツ</t>
    </rPh>
    <rPh sb="62" eb="65">
      <t>ショウガイジ</t>
    </rPh>
    <rPh sb="67" eb="69">
      <t>カゾク</t>
    </rPh>
    <rPh sb="69" eb="70">
      <t>ム</t>
    </rPh>
    <rPh sb="73" eb="74">
      <t>シ</t>
    </rPh>
    <rPh sb="79" eb="81">
      <t>シュウチ</t>
    </rPh>
    <rPh sb="82" eb="84">
      <t>キボウ</t>
    </rPh>
    <rPh sb="87" eb="89">
      <t>ジョウホウ</t>
    </rPh>
    <rPh sb="91" eb="93">
      <t>ジョウホウ</t>
    </rPh>
    <rPh sb="97" eb="99">
      <t>ムリョウ</t>
    </rPh>
    <rPh sb="100" eb="102">
      <t>ケイサイ</t>
    </rPh>
    <phoneticPr fontId="1"/>
  </si>
  <si>
    <t>就労を希望しているものの、経験の少なさや自信のなさから、すぐには就労に向かえない方も多くいます。そういう方が、まずは社会参加できる場（ボランティア活動やイベント等への参加）や、職場体験できる場、また短時間から働ける場などがもっと必要だと感じています。</t>
    <rPh sb="80" eb="81">
      <t>トウ</t>
    </rPh>
    <rPh sb="88" eb="92">
      <t>ショクバタイケン</t>
    </rPh>
    <rPh sb="95" eb="96">
      <t>バ</t>
    </rPh>
    <rPh sb="99" eb="102">
      <t>タンジカン</t>
    </rPh>
    <rPh sb="104" eb="105">
      <t>ハタラ</t>
    </rPh>
    <rPh sb="107" eb="108">
      <t>バ</t>
    </rPh>
    <rPh sb="114" eb="116">
      <t>ヒツヨウ</t>
    </rPh>
    <rPh sb="118" eb="119">
      <t>カン</t>
    </rPh>
    <phoneticPr fontId="1"/>
  </si>
  <si>
    <t>社会福祉法人中心会の施設（高齢者介護施設、児童養護施設）で職場体験、実習ができます。実習受け入れに慣れた職員が多く、ユニバーサル就労支援担当者がサポートやアセスメントもできるので、どんな方でも参加しやすくなっています。</t>
    <phoneticPr fontId="1"/>
  </si>
  <si>
    <t>http://www.chusinkai.net/universal/</t>
    <phoneticPr fontId="1"/>
  </si>
  <si>
    <t>「社会とつながりたい方」のための「ユニバーサル社会参加支援」</t>
    <rPh sb="1" eb="3">
      <t>シャカイ</t>
    </rPh>
    <rPh sb="10" eb="11">
      <t>カタ</t>
    </rPh>
    <rPh sb="23" eb="27">
      <t>シャカイサンカ</t>
    </rPh>
    <rPh sb="27" eb="29">
      <t>シエン</t>
    </rPh>
    <phoneticPr fontId="1"/>
  </si>
  <si>
    <t>社会とのつながりが希薄な方、ひきこもりがちな方などに、希望や適性をもとに最適な社会参加の方法をみつけてつなぐ。就労支援のノウハウをもとに、その方の強みやモチベーションを引き出し、その方がやりがいを感じていきいきと活動できる場とマッチングする。必要ならその方に合わせて活動先を開拓する。</t>
    <rPh sb="0" eb="2">
      <t>シャカイ</t>
    </rPh>
    <rPh sb="9" eb="11">
      <t>キハク</t>
    </rPh>
    <rPh sb="12" eb="13">
      <t>カタ</t>
    </rPh>
    <rPh sb="22" eb="23">
      <t>カタ</t>
    </rPh>
    <rPh sb="27" eb="29">
      <t>キボウ</t>
    </rPh>
    <rPh sb="30" eb="32">
      <t>テキセイ</t>
    </rPh>
    <rPh sb="36" eb="38">
      <t>サイテキ</t>
    </rPh>
    <rPh sb="39" eb="43">
      <t>シャカイサンカ</t>
    </rPh>
    <rPh sb="44" eb="46">
      <t>ホウホウ</t>
    </rPh>
    <rPh sb="55" eb="59">
      <t>シュウロウシエン</t>
    </rPh>
    <rPh sb="71" eb="72">
      <t>カタ</t>
    </rPh>
    <rPh sb="73" eb="74">
      <t>ツヨ</t>
    </rPh>
    <rPh sb="84" eb="85">
      <t>ヒ</t>
    </rPh>
    <rPh sb="86" eb="87">
      <t>ダ</t>
    </rPh>
    <rPh sb="91" eb="92">
      <t>カタ</t>
    </rPh>
    <rPh sb="98" eb="99">
      <t>カン</t>
    </rPh>
    <rPh sb="106" eb="108">
      <t>カツドウ</t>
    </rPh>
    <rPh sb="111" eb="112">
      <t>バ</t>
    </rPh>
    <rPh sb="121" eb="123">
      <t>ヒツヨウ</t>
    </rPh>
    <rPh sb="127" eb="128">
      <t>カタ</t>
    </rPh>
    <rPh sb="129" eb="130">
      <t>ア</t>
    </rPh>
    <rPh sb="133" eb="136">
      <t>カツドウサキ</t>
    </rPh>
    <rPh sb="137" eb="139">
      <t>カイタク</t>
    </rPh>
    <phoneticPr fontId="1"/>
  </si>
  <si>
    <t>社会とのつながりが希薄な方、ひきこもりがちな方、もっと人との接点を増やしたい方、活動する場所が欲しい方、自分の力を何かに発揮したいと思っている方など</t>
    <rPh sb="0" eb="2">
      <t>シャカイ</t>
    </rPh>
    <rPh sb="9" eb="11">
      <t>キハク</t>
    </rPh>
    <rPh sb="12" eb="13">
      <t>カタ</t>
    </rPh>
    <rPh sb="22" eb="23">
      <t>カタ</t>
    </rPh>
    <rPh sb="27" eb="28">
      <t>ヒト</t>
    </rPh>
    <rPh sb="30" eb="32">
      <t>セッテン</t>
    </rPh>
    <rPh sb="33" eb="34">
      <t>フ</t>
    </rPh>
    <rPh sb="38" eb="39">
      <t>カタ</t>
    </rPh>
    <rPh sb="40" eb="42">
      <t>カツドウ</t>
    </rPh>
    <rPh sb="44" eb="46">
      <t>バショ</t>
    </rPh>
    <rPh sb="47" eb="48">
      <t>ホ</t>
    </rPh>
    <rPh sb="50" eb="51">
      <t>カタ</t>
    </rPh>
    <rPh sb="52" eb="54">
      <t>ジブン</t>
    </rPh>
    <rPh sb="55" eb="56">
      <t>チカラ</t>
    </rPh>
    <rPh sb="57" eb="58">
      <t>ナニ</t>
    </rPh>
    <rPh sb="60" eb="62">
      <t>ハッキ</t>
    </rPh>
    <rPh sb="66" eb="67">
      <t>オモ</t>
    </rPh>
    <rPh sb="71" eb="72">
      <t>カタ</t>
    </rPh>
    <phoneticPr fontId="1"/>
  </si>
  <si>
    <t>何人でも</t>
    <rPh sb="0" eb="2">
      <t>ナンニン</t>
    </rPh>
    <phoneticPr fontId="1"/>
  </si>
  <si>
    <t>活動内容による</t>
    <rPh sb="0" eb="2">
      <t>カツドウ</t>
    </rPh>
    <rPh sb="2" eb="4">
      <t>ナイヨウ</t>
    </rPh>
    <phoneticPr fontId="1"/>
  </si>
  <si>
    <t>神奈川県内全域</t>
    <rPh sb="0" eb="5">
      <t>カナガワケンナイ</t>
    </rPh>
    <rPh sb="5" eb="7">
      <t>ゼンイキ</t>
    </rPh>
    <phoneticPr fontId="1"/>
  </si>
  <si>
    <t>相談者の方への面談対応。マッチング先との連絡、連携。活動場所の開拓。相談者の方への活動サポート。</t>
    <rPh sb="0" eb="3">
      <t>ソウダンシャ</t>
    </rPh>
    <rPh sb="4" eb="5">
      <t>カタ</t>
    </rPh>
    <rPh sb="7" eb="9">
      <t>メンダン</t>
    </rPh>
    <rPh sb="9" eb="11">
      <t>タイオウ</t>
    </rPh>
    <rPh sb="17" eb="18">
      <t>サキ</t>
    </rPh>
    <rPh sb="20" eb="22">
      <t>レンラク</t>
    </rPh>
    <rPh sb="23" eb="25">
      <t>レンケイ</t>
    </rPh>
    <rPh sb="26" eb="30">
      <t>カツドウバショ</t>
    </rPh>
    <rPh sb="31" eb="33">
      <t>カイタク</t>
    </rPh>
    <rPh sb="34" eb="37">
      <t>ソウダンシャ</t>
    </rPh>
    <rPh sb="38" eb="39">
      <t>カタ</t>
    </rPh>
    <rPh sb="41" eb="43">
      <t>カツドウ</t>
    </rPh>
    <phoneticPr fontId="1"/>
  </si>
  <si>
    <t>ボランティア活動、イベントの手伝い、職場での体験、地域活動など、社会参加できる場、機会の提供。</t>
    <rPh sb="6" eb="8">
      <t>カツドウ</t>
    </rPh>
    <rPh sb="14" eb="16">
      <t>テツダ</t>
    </rPh>
    <rPh sb="18" eb="20">
      <t>ショクバ</t>
    </rPh>
    <rPh sb="22" eb="24">
      <t>タイケン</t>
    </rPh>
    <rPh sb="25" eb="27">
      <t>チイキ</t>
    </rPh>
    <rPh sb="27" eb="29">
      <t>カツドウ</t>
    </rPh>
    <rPh sb="32" eb="34">
      <t>シャカイ</t>
    </rPh>
    <rPh sb="34" eb="36">
      <t>サンカ</t>
    </rPh>
    <rPh sb="39" eb="40">
      <t>バ</t>
    </rPh>
    <rPh sb="41" eb="43">
      <t>キカイ</t>
    </rPh>
    <rPh sb="44" eb="46">
      <t>テイキョウ</t>
    </rPh>
    <phoneticPr fontId="1"/>
  </si>
  <si>
    <t>ご理解ある企業、法人、団体どこでも</t>
    <rPh sb="1" eb="3">
      <t>リカイ</t>
    </rPh>
    <rPh sb="5" eb="7">
      <t>キギョウ</t>
    </rPh>
    <rPh sb="8" eb="10">
      <t>ホウジン</t>
    </rPh>
    <rPh sb="11" eb="13">
      <t>ダンタイ</t>
    </rPh>
    <phoneticPr fontId="1"/>
  </si>
  <si>
    <t>どのような企業、法人、団体でも、活動の場所や機会をいただける可能性があるため</t>
    <rPh sb="5" eb="7">
      <t>キギョウ</t>
    </rPh>
    <rPh sb="8" eb="10">
      <t>ホウジン</t>
    </rPh>
    <rPh sb="11" eb="13">
      <t>ダンタイ</t>
    </rPh>
    <rPh sb="16" eb="18">
      <t>カツドウ</t>
    </rPh>
    <rPh sb="19" eb="21">
      <t>バショ</t>
    </rPh>
    <rPh sb="22" eb="24">
      <t>キカイ</t>
    </rPh>
    <rPh sb="30" eb="33">
      <t>カノウセイ</t>
    </rPh>
    <phoneticPr fontId="1"/>
  </si>
  <si>
    <t>いつでも可</t>
    <rPh sb="4" eb="5">
      <t>カ</t>
    </rPh>
    <phoneticPr fontId="1"/>
  </si>
  <si>
    <t>伊藤　早苗</t>
    <rPh sb="0" eb="2">
      <t>イトウ</t>
    </rPh>
    <rPh sb="3" eb="5">
      <t>サナエ</t>
    </rPh>
    <phoneticPr fontId="1"/>
  </si>
  <si>
    <t>090-1215-5160</t>
    <phoneticPr fontId="1"/>
  </si>
  <si>
    <t>特定非営利活動法人コドモノトナリ</t>
    <rPh sb="0" eb="9">
      <t>トクテイヒエイリカツドウホウジン</t>
    </rPh>
    <phoneticPr fontId="1"/>
  </si>
  <si>
    <t>大人も子どもも垣根を外して手を取り合えるみんなの居場所</t>
    <rPh sb="0" eb="2">
      <t>オトナ</t>
    </rPh>
    <rPh sb="3" eb="4">
      <t>コ</t>
    </rPh>
    <rPh sb="7" eb="9">
      <t>カキネ</t>
    </rPh>
    <rPh sb="10" eb="11">
      <t>ハズ</t>
    </rPh>
    <rPh sb="13" eb="14">
      <t>テ</t>
    </rPh>
    <rPh sb="15" eb="16">
      <t>ト</t>
    </rPh>
    <rPh sb="17" eb="18">
      <t>ア</t>
    </rPh>
    <rPh sb="24" eb="27">
      <t>イバショ</t>
    </rPh>
    <phoneticPr fontId="1"/>
  </si>
  <si>
    <t>課題を抱える子どもや親、家庭との繋がり方に課題を感じている。</t>
    <rPh sb="0" eb="2">
      <t>カダイ</t>
    </rPh>
    <rPh sb="3" eb="4">
      <t>カカ</t>
    </rPh>
    <rPh sb="6" eb="7">
      <t>コ</t>
    </rPh>
    <rPh sb="10" eb="11">
      <t>オヤ</t>
    </rPh>
    <rPh sb="12" eb="14">
      <t>カテイ</t>
    </rPh>
    <rPh sb="16" eb="17">
      <t>ツナ</t>
    </rPh>
    <rPh sb="19" eb="20">
      <t>カタ</t>
    </rPh>
    <rPh sb="21" eb="23">
      <t>カダイ</t>
    </rPh>
    <rPh sb="24" eb="25">
      <t>カン</t>
    </rPh>
    <phoneticPr fontId="1"/>
  </si>
  <si>
    <t>事業内容としては、乳幼児一時預かり、学童保育、フリースクール、こども食堂、遊び場づくりなどを実施している。孤立子育てで大変な親子、学校に行けない子ども、放課後居場所のない子ども等と繋がることができれば、居場所として一つの選択肢となることができると考える。</t>
    <rPh sb="0" eb="4">
      <t>ジギョウナイヨウ</t>
    </rPh>
    <rPh sb="9" eb="12">
      <t>ニュウヨウジ</t>
    </rPh>
    <rPh sb="12" eb="15">
      <t>イチジアズ</t>
    </rPh>
    <rPh sb="18" eb="22">
      <t>ガクドウホイク</t>
    </rPh>
    <rPh sb="34" eb="36">
      <t>ショクドウ</t>
    </rPh>
    <rPh sb="37" eb="38">
      <t>アソ</t>
    </rPh>
    <rPh sb="39" eb="40">
      <t>バ</t>
    </rPh>
    <rPh sb="46" eb="48">
      <t>ジッシ</t>
    </rPh>
    <rPh sb="59" eb="61">
      <t>タイヘン</t>
    </rPh>
    <rPh sb="65" eb="67">
      <t>ガッコウ</t>
    </rPh>
    <rPh sb="68" eb="69">
      <t>イ</t>
    </rPh>
    <rPh sb="72" eb="73">
      <t>コ</t>
    </rPh>
    <rPh sb="76" eb="79">
      <t>ホウカゴ</t>
    </rPh>
    <rPh sb="79" eb="82">
      <t>イバショ</t>
    </rPh>
    <rPh sb="85" eb="86">
      <t>コ</t>
    </rPh>
    <rPh sb="88" eb="89">
      <t>トウ</t>
    </rPh>
    <rPh sb="90" eb="91">
      <t>ツナ</t>
    </rPh>
    <rPh sb="101" eb="104">
      <t>イバショ</t>
    </rPh>
    <rPh sb="107" eb="108">
      <t>ヒト</t>
    </rPh>
    <rPh sb="110" eb="113">
      <t>センタクシ</t>
    </rPh>
    <rPh sb="123" eb="124">
      <t>カンガ</t>
    </rPh>
    <phoneticPr fontId="1"/>
  </si>
  <si>
    <t>https://kodomonotonari.com/</t>
    <phoneticPr fontId="1"/>
  </si>
  <si>
    <t>地域の子どもや親の居場所づくり</t>
    <rPh sb="0" eb="2">
      <t>チイキ</t>
    </rPh>
    <rPh sb="3" eb="4">
      <t>コ</t>
    </rPh>
    <rPh sb="7" eb="8">
      <t>オヤ</t>
    </rPh>
    <rPh sb="9" eb="12">
      <t>イバショ</t>
    </rPh>
    <phoneticPr fontId="1"/>
  </si>
  <si>
    <t>現在NPO法人コドモノトナリで実施している事業そのものが、地域の子どもや親の孤独・孤立対策となっている。乳幼児一時預かり、学童保育、フリースクール、子ども食堂、遊び場づくり等を引き続き実施すること。</t>
    <rPh sb="0" eb="2">
      <t>ゲンザイ</t>
    </rPh>
    <rPh sb="5" eb="7">
      <t>ホウジン</t>
    </rPh>
    <rPh sb="15" eb="17">
      <t>ジッシ</t>
    </rPh>
    <rPh sb="21" eb="23">
      <t>ジギョウ</t>
    </rPh>
    <rPh sb="29" eb="31">
      <t>チイキ</t>
    </rPh>
    <rPh sb="32" eb="33">
      <t>コ</t>
    </rPh>
    <rPh sb="36" eb="37">
      <t>オヤ</t>
    </rPh>
    <rPh sb="38" eb="40">
      <t>コドク</t>
    </rPh>
    <rPh sb="41" eb="43">
      <t>コリツ</t>
    </rPh>
    <rPh sb="43" eb="45">
      <t>タイサク</t>
    </rPh>
    <rPh sb="52" eb="58">
      <t>ニュウヨウジイチジアズ</t>
    </rPh>
    <rPh sb="61" eb="65">
      <t>ガクドウホイク</t>
    </rPh>
    <rPh sb="74" eb="75">
      <t>コ</t>
    </rPh>
    <rPh sb="77" eb="79">
      <t>ショクドウ</t>
    </rPh>
    <rPh sb="80" eb="81">
      <t>アソ</t>
    </rPh>
    <rPh sb="82" eb="83">
      <t>バ</t>
    </rPh>
    <rPh sb="86" eb="87">
      <t>トウ</t>
    </rPh>
    <rPh sb="88" eb="89">
      <t>ヒ</t>
    </rPh>
    <rPh sb="90" eb="91">
      <t>ツヅ</t>
    </rPh>
    <rPh sb="92" eb="94">
      <t>ジッシ</t>
    </rPh>
    <phoneticPr fontId="1"/>
  </si>
  <si>
    <t>地域（主に横浜市都筑区、緑区辺り）の子ども、親</t>
    <rPh sb="0" eb="2">
      <t>チイキ</t>
    </rPh>
    <rPh sb="3" eb="4">
      <t>オモ</t>
    </rPh>
    <rPh sb="5" eb="8">
      <t>ヨコハマシ</t>
    </rPh>
    <rPh sb="8" eb="11">
      <t>ツズキク</t>
    </rPh>
    <rPh sb="12" eb="14">
      <t>ミドリク</t>
    </rPh>
    <rPh sb="14" eb="15">
      <t>アタ</t>
    </rPh>
    <rPh sb="18" eb="19">
      <t>コ</t>
    </rPh>
    <rPh sb="22" eb="23">
      <t>オヤ</t>
    </rPh>
    <phoneticPr fontId="1"/>
  </si>
  <si>
    <t>乳幼児一時預かり→乳幼児8人までとその家庭（平日）
学童→２０名程度（平日）
フリースクール→１０名程度（平日）
子ども食堂→30食程度（毎週月曜日夜）
食育講座、防災イベント→６０名程度
遊び場づくり→問わない（月に一回程度）</t>
    <rPh sb="0" eb="6">
      <t>ニュウヨウジイチジアズ</t>
    </rPh>
    <rPh sb="9" eb="12">
      <t>ニュウヨウジ</t>
    </rPh>
    <rPh sb="13" eb="14">
      <t>ニン</t>
    </rPh>
    <rPh sb="19" eb="21">
      <t>カテイ</t>
    </rPh>
    <rPh sb="22" eb="24">
      <t>ヘイジツ</t>
    </rPh>
    <rPh sb="26" eb="28">
      <t>ガクドウ</t>
    </rPh>
    <rPh sb="31" eb="34">
      <t>メイテイド</t>
    </rPh>
    <rPh sb="35" eb="37">
      <t>ヘイジツ</t>
    </rPh>
    <rPh sb="49" eb="52">
      <t>メイテイド</t>
    </rPh>
    <rPh sb="53" eb="55">
      <t>ヘイジツ</t>
    </rPh>
    <rPh sb="57" eb="58">
      <t>コ</t>
    </rPh>
    <rPh sb="60" eb="62">
      <t>ショクドウ</t>
    </rPh>
    <rPh sb="65" eb="66">
      <t>ショク</t>
    </rPh>
    <rPh sb="66" eb="68">
      <t>テイド</t>
    </rPh>
    <rPh sb="69" eb="71">
      <t>マイシュウ</t>
    </rPh>
    <rPh sb="71" eb="74">
      <t>ゲツヨウビ</t>
    </rPh>
    <rPh sb="74" eb="75">
      <t>ヨル</t>
    </rPh>
    <rPh sb="77" eb="81">
      <t>ショクイクコウザ</t>
    </rPh>
    <rPh sb="82" eb="84">
      <t>ボウサイ</t>
    </rPh>
    <rPh sb="91" eb="94">
      <t>メイテイド</t>
    </rPh>
    <rPh sb="95" eb="96">
      <t>アソ</t>
    </rPh>
    <rPh sb="97" eb="98">
      <t>バ</t>
    </rPh>
    <rPh sb="102" eb="103">
      <t>ト</t>
    </rPh>
    <rPh sb="107" eb="108">
      <t>ツキ</t>
    </rPh>
    <rPh sb="109" eb="113">
      <t>イッカイテイド</t>
    </rPh>
    <phoneticPr fontId="1"/>
  </si>
  <si>
    <t>乳幼児一時預かり→９時から１８時（平日）
学童→９時から１８時（平日）
フリースクール→９時から１８時（平日）
子ども食堂→１７時半から１８時半（毎週月曜日夜）
遊び場づくり→１２時から１７時（月に一回程度）</t>
    <rPh sb="0" eb="6">
      <t>ニュウヨウジイチジアズ</t>
    </rPh>
    <rPh sb="10" eb="11">
      <t>ジ</t>
    </rPh>
    <rPh sb="15" eb="16">
      <t>ジ</t>
    </rPh>
    <rPh sb="17" eb="19">
      <t>ヘイジツ</t>
    </rPh>
    <rPh sb="21" eb="23">
      <t>ガクドウ</t>
    </rPh>
    <rPh sb="25" eb="26">
      <t>ジ</t>
    </rPh>
    <rPh sb="30" eb="31">
      <t>ジ</t>
    </rPh>
    <rPh sb="32" eb="34">
      <t>ヘイジツ</t>
    </rPh>
    <rPh sb="45" eb="46">
      <t>ジ</t>
    </rPh>
    <rPh sb="50" eb="51">
      <t>ジ</t>
    </rPh>
    <rPh sb="52" eb="54">
      <t>ヘイジツ</t>
    </rPh>
    <rPh sb="56" eb="57">
      <t>コ</t>
    </rPh>
    <rPh sb="59" eb="61">
      <t>ショクドウ</t>
    </rPh>
    <rPh sb="64" eb="66">
      <t>ジハン</t>
    </rPh>
    <rPh sb="70" eb="72">
      <t>ジハン</t>
    </rPh>
    <rPh sb="73" eb="75">
      <t>マイシュウ</t>
    </rPh>
    <rPh sb="75" eb="78">
      <t>ゲツヨウビ</t>
    </rPh>
    <rPh sb="78" eb="79">
      <t>ヨル</t>
    </rPh>
    <rPh sb="81" eb="82">
      <t>アソ</t>
    </rPh>
    <rPh sb="83" eb="84">
      <t>バ</t>
    </rPh>
    <rPh sb="90" eb="91">
      <t>ジ</t>
    </rPh>
    <rPh sb="95" eb="96">
      <t>ジ</t>
    </rPh>
    <rPh sb="97" eb="98">
      <t>ツキ</t>
    </rPh>
    <rPh sb="99" eb="103">
      <t>イッカイテイド</t>
    </rPh>
    <phoneticPr fontId="1"/>
  </si>
  <si>
    <t>横浜市都筑区、緑区辺り</t>
    <rPh sb="0" eb="3">
      <t>ヨコハマシ</t>
    </rPh>
    <rPh sb="3" eb="6">
      <t>ツズキク</t>
    </rPh>
    <rPh sb="7" eb="9">
      <t>ミドリク</t>
    </rPh>
    <rPh sb="9" eb="10">
      <t>アタ</t>
    </rPh>
    <phoneticPr fontId="1"/>
  </si>
  <si>
    <t>NPO法人コドモノトナリ
横浜市都筑区池辺４３２８－２</t>
    <rPh sb="3" eb="5">
      <t>ホウジン</t>
    </rPh>
    <rPh sb="13" eb="16">
      <t>ヨコハマシ</t>
    </rPh>
    <rPh sb="16" eb="19">
      <t>ツズキク</t>
    </rPh>
    <rPh sb="19" eb="21">
      <t>イケベ</t>
    </rPh>
    <phoneticPr fontId="1"/>
  </si>
  <si>
    <t>先述事業</t>
    <rPh sb="0" eb="2">
      <t>センジュツ</t>
    </rPh>
    <rPh sb="2" eb="4">
      <t>ジギョウ</t>
    </rPh>
    <phoneticPr fontId="1"/>
  </si>
  <si>
    <t>連携先とのコミュニケーション
運営形態の学び合い
困難を抱える家庭に紹介していただくこと</t>
    <rPh sb="0" eb="3">
      <t>レンケイサキ</t>
    </rPh>
    <rPh sb="15" eb="17">
      <t>ウンエイ</t>
    </rPh>
    <rPh sb="17" eb="19">
      <t>ケイタイ</t>
    </rPh>
    <rPh sb="20" eb="21">
      <t>マナ</t>
    </rPh>
    <rPh sb="22" eb="23">
      <t>ア</t>
    </rPh>
    <rPh sb="25" eb="27">
      <t>コンナン</t>
    </rPh>
    <rPh sb="28" eb="29">
      <t>カカ</t>
    </rPh>
    <rPh sb="31" eb="33">
      <t>カテイ</t>
    </rPh>
    <rPh sb="34" eb="36">
      <t>ショウカイ</t>
    </rPh>
    <phoneticPr fontId="1"/>
  </si>
  <si>
    <t>必要に応じたやり取りにより</t>
    <rPh sb="0" eb="2">
      <t>ヒツヨウ</t>
    </rPh>
    <rPh sb="3" eb="4">
      <t>オウ</t>
    </rPh>
    <rPh sb="8" eb="9">
      <t>ト</t>
    </rPh>
    <phoneticPr fontId="1"/>
  </si>
  <si>
    <t>各地域で活動する団体さんや行政さん</t>
    <rPh sb="0" eb="1">
      <t>カク</t>
    </rPh>
    <rPh sb="1" eb="3">
      <t>チイキ</t>
    </rPh>
    <rPh sb="4" eb="6">
      <t>カツドウ</t>
    </rPh>
    <rPh sb="8" eb="10">
      <t>ダンタイ</t>
    </rPh>
    <rPh sb="13" eb="15">
      <t>ギョウセイ</t>
    </rPh>
    <phoneticPr fontId="1"/>
  </si>
  <si>
    <t>適切に協力し合いたいため</t>
    <rPh sb="0" eb="2">
      <t>テキセツ</t>
    </rPh>
    <rPh sb="3" eb="5">
      <t>キョウリョク</t>
    </rPh>
    <rPh sb="6" eb="7">
      <t>ア</t>
    </rPh>
    <phoneticPr fontId="1"/>
  </si>
  <si>
    <t>常時</t>
    <rPh sb="0" eb="2">
      <t>ジョウジ</t>
    </rPh>
    <phoneticPr fontId="1"/>
  </si>
  <si>
    <t>藤間啓吾（NPO法人コドモノトナリ）</t>
    <rPh sb="0" eb="2">
      <t>トウマ</t>
    </rPh>
    <rPh sb="2" eb="4">
      <t>ケイゴ</t>
    </rPh>
    <rPh sb="8" eb="10">
      <t>ホウジン</t>
    </rPh>
    <phoneticPr fontId="1"/>
  </si>
  <si>
    <t>045-507-4528</t>
    <phoneticPr fontId="1"/>
  </si>
  <si>
    <t>神奈川県全域を拠点に、安全・安心な食品や日用品を届ける宅配事業などを行っている。産直野菜や環境に配慮した商品を取り扱い、組合員主体で食・農・福祉などの地域活動やNPO支援にも取り組んでいる。</t>
    <rPh sb="11" eb="13">
      <t>アンゼン</t>
    </rPh>
    <rPh sb="17" eb="19">
      <t>ショクヒン</t>
    </rPh>
    <rPh sb="29" eb="31">
      <t>ジギョウ</t>
    </rPh>
    <rPh sb="34" eb="35">
      <t>オコナ</t>
    </rPh>
    <rPh sb="40" eb="42">
      <t>サンチョク</t>
    </rPh>
    <phoneticPr fontId="1"/>
  </si>
  <si>
    <t>・宅配以外の認知度が十分でない
・地域課題について組合員の自主的な参加をより促したい。</t>
    <rPh sb="1" eb="3">
      <t>タクハイ</t>
    </rPh>
    <rPh sb="3" eb="5">
      <t>イガイ</t>
    </rPh>
    <rPh sb="6" eb="8">
      <t>ニンチ</t>
    </rPh>
    <rPh sb="8" eb="9">
      <t>ド</t>
    </rPh>
    <rPh sb="10" eb="12">
      <t>ジュウブン</t>
    </rPh>
    <rPh sb="17" eb="19">
      <t>チイキ</t>
    </rPh>
    <rPh sb="19" eb="21">
      <t>カダイ</t>
    </rPh>
    <rPh sb="25" eb="28">
      <t>クミアイイン</t>
    </rPh>
    <rPh sb="29" eb="32">
      <t>ジシュテキ</t>
    </rPh>
    <rPh sb="33" eb="35">
      <t>サンカ</t>
    </rPh>
    <rPh sb="38" eb="39">
      <t>ウナガ</t>
    </rPh>
    <phoneticPr fontId="1"/>
  </si>
  <si>
    <t>配送センターの会議室を地域に開放して開催している地域わくわくプロジェクト「みんなでゆっくりCAFÉ♪」（地域の居場所づくり）などとの連携</t>
    <rPh sb="11" eb="13">
      <t>チイキ</t>
    </rPh>
    <rPh sb="14" eb="16">
      <t>カイホウ</t>
    </rPh>
    <rPh sb="24" eb="26">
      <t>チイキ</t>
    </rPh>
    <rPh sb="52" eb="54">
      <t>チイキ</t>
    </rPh>
    <rPh sb="55" eb="58">
      <t>イバショ</t>
    </rPh>
    <phoneticPr fontId="1"/>
  </si>
  <si>
    <t>講師としての謝礼等のお支払いはございません。</t>
    <rPh sb="0" eb="2">
      <t>コウシ</t>
    </rPh>
    <rPh sb="6" eb="8">
      <t>シャレイ</t>
    </rPh>
    <rPh sb="8" eb="9">
      <t>トウ</t>
    </rPh>
    <rPh sb="11" eb="13">
      <t>シハラ</t>
    </rPh>
    <phoneticPr fontId="1"/>
  </si>
  <si>
    <t>https://www.palsystem-kanagawa.coop/</t>
    <phoneticPr fontId="1"/>
  </si>
  <si>
    <t>「みんなでゆっくりCAFÉ♪」</t>
    <phoneticPr fontId="1"/>
  </si>
  <si>
    <t>地域団体と連系した居場所づくり</t>
    <rPh sb="0" eb="2">
      <t>チイキ</t>
    </rPh>
    <rPh sb="2" eb="4">
      <t>ダンタイ</t>
    </rPh>
    <rPh sb="5" eb="7">
      <t>レンケイ</t>
    </rPh>
    <rPh sb="9" eb="12">
      <t>イバショ</t>
    </rPh>
    <phoneticPr fontId="1"/>
  </si>
  <si>
    <t>様々な社会課題に取り組まれている団体の皆様との企画や学習会などもできればと思います。</t>
    <rPh sb="0" eb="2">
      <t>サマザマ</t>
    </rPh>
    <rPh sb="3" eb="5">
      <t>シャカイ</t>
    </rPh>
    <rPh sb="5" eb="7">
      <t>カダイ</t>
    </rPh>
    <rPh sb="8" eb="9">
      <t>ト</t>
    </rPh>
    <rPh sb="10" eb="11">
      <t>ク</t>
    </rPh>
    <rPh sb="16" eb="18">
      <t>ダンタイ</t>
    </rPh>
    <rPh sb="19" eb="21">
      <t>ミナサマ</t>
    </rPh>
    <rPh sb="23" eb="25">
      <t>キカク</t>
    </rPh>
    <rPh sb="26" eb="29">
      <t>ガクシュウカイ</t>
    </rPh>
    <rPh sb="37" eb="38">
      <t>オモ</t>
    </rPh>
    <phoneticPr fontId="1"/>
  </si>
  <si>
    <t>当組合の組合員、県内の地域住民、県内の地域団体・企業</t>
    <rPh sb="0" eb="1">
      <t>トウ</t>
    </rPh>
    <rPh sb="1" eb="3">
      <t>クミアイ</t>
    </rPh>
    <rPh sb="4" eb="7">
      <t>クミアイイン</t>
    </rPh>
    <rPh sb="8" eb="10">
      <t>ケンナイ</t>
    </rPh>
    <rPh sb="11" eb="13">
      <t>チイキ</t>
    </rPh>
    <rPh sb="13" eb="15">
      <t>ジュウミン</t>
    </rPh>
    <rPh sb="16" eb="18">
      <t>ケンナイ</t>
    </rPh>
    <rPh sb="19" eb="21">
      <t>チイキ</t>
    </rPh>
    <rPh sb="21" eb="23">
      <t>ダンタイ</t>
    </rPh>
    <rPh sb="24" eb="26">
      <t>キギョウ</t>
    </rPh>
    <phoneticPr fontId="1"/>
  </si>
  <si>
    <t>10～20名（各拠点による）</t>
    <rPh sb="5" eb="6">
      <t>メイ</t>
    </rPh>
    <rPh sb="7" eb="8">
      <t>カク</t>
    </rPh>
    <rPh sb="8" eb="10">
      <t>キョテン</t>
    </rPh>
    <phoneticPr fontId="1"/>
  </si>
  <si>
    <t>２時間程度</t>
    <rPh sb="1" eb="3">
      <t>ジカン</t>
    </rPh>
    <rPh sb="3" eb="5">
      <t>テイド</t>
    </rPh>
    <phoneticPr fontId="1"/>
  </si>
  <si>
    <t>県内（パルシステム神奈川13センター）</t>
    <rPh sb="0" eb="2">
      <t>ケンナイ</t>
    </rPh>
    <rPh sb="9" eb="12">
      <t>カナガワ</t>
    </rPh>
    <phoneticPr fontId="1"/>
  </si>
  <si>
    <t>当日の運営、場所（センター内会議室など）や備品の提供</t>
    <rPh sb="0" eb="2">
      <t>トウジツ</t>
    </rPh>
    <rPh sb="3" eb="5">
      <t>ウンエイ</t>
    </rPh>
    <rPh sb="6" eb="8">
      <t>バショ</t>
    </rPh>
    <rPh sb="13" eb="14">
      <t>ナイ</t>
    </rPh>
    <rPh sb="14" eb="16">
      <t>カイギ</t>
    </rPh>
    <rPh sb="16" eb="17">
      <t>シツ</t>
    </rPh>
    <rPh sb="21" eb="23">
      <t>ビヒン</t>
    </rPh>
    <rPh sb="24" eb="26">
      <t>テイキョウ</t>
    </rPh>
    <phoneticPr fontId="1"/>
  </si>
  <si>
    <t>当日の運営、こちらが提供・準備できない備品の準備など</t>
    <rPh sb="0" eb="2">
      <t>トウジツ</t>
    </rPh>
    <rPh sb="3" eb="5">
      <t>ウンエイ</t>
    </rPh>
    <rPh sb="10" eb="12">
      <t>テイキョウ</t>
    </rPh>
    <rPh sb="13" eb="15">
      <t>ジュンビ</t>
    </rPh>
    <rPh sb="19" eb="21">
      <t>ビヒン</t>
    </rPh>
    <rPh sb="22" eb="24">
      <t>ジュンビ</t>
    </rPh>
    <phoneticPr fontId="1"/>
  </si>
  <si>
    <t>・講師謝礼、交通費等、費用負担はございません。講師の方には基本的にボランティアとしてご協力をお願いしております。営業行為にあたるような活動はご遠慮いただいております。</t>
    <phoneticPr fontId="1"/>
  </si>
  <si>
    <t>県内の団体、市町村、社協等</t>
    <rPh sb="0" eb="2">
      <t>ケンナイ</t>
    </rPh>
    <rPh sb="3" eb="5">
      <t>ダンタイ</t>
    </rPh>
    <rPh sb="6" eb="9">
      <t>シチョウソン</t>
    </rPh>
    <rPh sb="10" eb="12">
      <t>シャキョウ</t>
    </rPh>
    <rPh sb="12" eb="13">
      <t>トウ</t>
    </rPh>
    <phoneticPr fontId="1"/>
  </si>
  <si>
    <t>社会課題にそれぞれの強みをもってアプローチしており、それを共有していくことで課題解決が進められるため。</t>
    <rPh sb="0" eb="4">
      <t>シャカイカダイ</t>
    </rPh>
    <rPh sb="10" eb="11">
      <t>ツヨ</t>
    </rPh>
    <rPh sb="29" eb="31">
      <t>キョウユウ</t>
    </rPh>
    <rPh sb="38" eb="40">
      <t>カダイ</t>
    </rPh>
    <rPh sb="40" eb="42">
      <t>カイケツ</t>
    </rPh>
    <rPh sb="43" eb="44">
      <t>スス</t>
    </rPh>
    <phoneticPr fontId="1"/>
  </si>
  <si>
    <t>ご相談ください</t>
    <rPh sb="1" eb="3">
      <t>ソウダン</t>
    </rPh>
    <phoneticPr fontId="1"/>
  </si>
  <si>
    <t>島村聡子</t>
    <rPh sb="0" eb="2">
      <t>シマムラ</t>
    </rPh>
    <rPh sb="2" eb="4">
      <t>サトコ</t>
    </rPh>
    <phoneticPr fontId="1"/>
  </si>
  <si>
    <t>045-470-6863 
palkana-chiiki@pal.or.jp</t>
    <phoneticPr fontId="1"/>
  </si>
  <si>
    <t>https://www.palsystem-kanagawa.coop/event/detail/yukkuri-cafe-2/</t>
    <phoneticPr fontId="1"/>
  </si>
  <si>
    <t>逗子葉山・横須賀・鎌倉を中心に介護保険外の自費サービスならびに、携帯で使える無償の見守りアプリを提供しています</t>
  </si>
  <si>
    <t>・実際のサービス利用者の満足度は非常に高いものの、支援を必要とする方（頼る先がない方）への認知が難しい状況です。また、高齢者の困りごとを解決する地域サポーターの増員</t>
  </si>
  <si>
    <t>・介護保険外の多様なニーズに対応する生活サポートサービス。 ・地域共助人材（担い手）の発掘と組織化ならびに、個人の利用者や地域事業者に限らず、お困りの方がいらっしゃった際に、困りごとを解決する地域共助人材（担い手）を繋ぐマッチングシステム。 ・ICTを活用した安否確認・見守りDXの仕組み。</t>
  </si>
  <si>
    <t>・特になし</t>
  </si>
  <si>
    <r>
      <rPr>
        <u/>
        <sz val="10"/>
        <color rgb="FF1155CC"/>
        <rFont val="游ゴシック"/>
        <family val="3"/>
        <charset val="128"/>
      </rPr>
      <t>https://otera.co.jp/mamoruba/life</t>
    </r>
    <r>
      <rPr>
        <sz val="10"/>
        <color theme="1"/>
        <rFont val="游ゴシック"/>
        <family val="3"/>
        <charset val="128"/>
      </rPr>
      <t> 
https://otera.co.jp/mamoruba/apps</t>
    </r>
  </si>
  <si>
    <t>「制度の狭間」を埋める、地域サポーターと創る生活支援</t>
  </si>
  <si>
    <t>介護保険など既存の制度ではカバーしきれない、高齢者の「ちょっとした困りごと」を解決します。私たちの強みである、地域に眠る多様な人材を「担い手（地域サポーター）」として創出する仕組みを活かし、持続可能な支え合いの地域づくりに貢献します。</t>
  </si>
  <si>
    <t>①当該連携により、参加者同士、参加者と事業主体等との交流が図られることで、孤独・孤立の解消につながるため</t>
  </si>
  <si>
    <t>公的な支援が届きにくい、「制度の狭間」にいる高齢者や、そのご家族。</t>
  </si>
  <si>
    <t>決まったものはございません</t>
  </si>
  <si>
    <t>県内全域</t>
  </si>
  <si>
    <t>・担い手の創出と組織化：地域サポーターの募集、研修、管理・需給マッチング：支援を必要とする方とサポーターを繋ぐシステムの提供
・サービス提供：介護保険外の多様なニーズに対応する生活サポートの実施</t>
  </si>
  <si>
    <t>このような支援を本当に必要としている方々へ情報を届けるための、サービスの認知拡大にご協力ください。（例：貴団体ご利用者様へのご紹介、広報物設置など）もしくはサポーター（地域の担い手）の募集に際しての広報活動にご協力ください</t>
  </si>
  <si>
    <t>連携自体に費用は発生しません。（利用者様がサービスを利用する際は、実費負担となります）</t>
  </si>
  <si>
    <t>・生活協同組合パルシステム神奈川
・生活協同組合ユーコープ
・基礎自治体</t>
  </si>
  <si>
    <t>・発信力があり、支援が必要な方へ迅速に情報を届け、困り事の解決ならびに、地域に新たな「担い手」を共に創出できると考えたため。</t>
  </si>
  <si>
    <t>武田啓</t>
  </si>
  <si>
    <t>info@otera.co.jp</t>
  </si>
  <si>
    <t>https://prtimes.jp/main/html/rd/p/000000007.000147307.html</t>
  </si>
  <si>
    <t>講師料２万円と交通費実費</t>
  </si>
  <si>
    <t>https://fukafuka-kamakura.com/</t>
  </si>
  <si>
    <t>講座「不登校と校内フリースペース支援について」</t>
  </si>
  <si>
    <t>県の教育委員会と運営してきた、不登校情報サイト「キミイロ」や親子支援を通して見えてきたこと、小中学校のフリースペース支援を通して知り得た現状、不登校支援について大切なことなどをお話しさせていただきます。</t>
  </si>
  <si>
    <t>不登校状態にある子どもと保護者は、学校や地域から切り離されて、孤独・孤立を深めるという現状があります。それらを周囲が理解をすることで、孤独・孤立の予防や軽減を、支援を通して進めることができます。</t>
  </si>
  <si>
    <t>不登校や校内フリースペース支援に関心のある方</t>
  </si>
  <si>
    <t>何名でも可能</t>
  </si>
  <si>
    <t>1時間30分程度</t>
  </si>
  <si>
    <t>県内　（要相談）</t>
  </si>
  <si>
    <t>どこでも可能　（要相談）</t>
  </si>
  <si>
    <t>講師とＰＣ</t>
  </si>
  <si>
    <t>プロジェクター、マイクがあれば</t>
  </si>
  <si>
    <t>講師料２万円と交通費実費をお願いしたいです</t>
  </si>
  <si>
    <t>興味・関心を寄せてくださる団体</t>
  </si>
  <si>
    <t>要相談</t>
  </si>
  <si>
    <t>スタッフ　落合礼子</t>
  </si>
  <si>
    <t>largo@fukafuka-kamakura.com</t>
  </si>
  <si>
    <t>不登校情報サイト　
キミイロ　https://kimiiro.education/</t>
  </si>
  <si>
    <t>福祉部地域福祉課の福祉総合相談担当では、地域共生社会の実現のため生活困窮者自立支援制度と重層的支援体制整備事業を活用し、個別の相談支援から地域づくり支援まで一体的に取り組んでいます。</t>
    <rPh sb="0" eb="2">
      <t>フクシ</t>
    </rPh>
    <rPh sb="2" eb="3">
      <t>ブ</t>
    </rPh>
    <rPh sb="3" eb="5">
      <t>チイキ</t>
    </rPh>
    <rPh sb="5" eb="7">
      <t>フクシ</t>
    </rPh>
    <rPh sb="7" eb="8">
      <t>カ</t>
    </rPh>
    <rPh sb="9" eb="11">
      <t>フクシ</t>
    </rPh>
    <rPh sb="11" eb="13">
      <t>ソウゴウ</t>
    </rPh>
    <rPh sb="13" eb="15">
      <t>ソウダン</t>
    </rPh>
    <rPh sb="15" eb="17">
      <t>タントウ</t>
    </rPh>
    <rPh sb="20" eb="22">
      <t>チイキ</t>
    </rPh>
    <rPh sb="22" eb="24">
      <t>キョウセイ</t>
    </rPh>
    <rPh sb="24" eb="26">
      <t>シャカイ</t>
    </rPh>
    <rPh sb="27" eb="29">
      <t>ジツゲン</t>
    </rPh>
    <rPh sb="32" eb="43">
      <t>セイカツコンキュウシャジリツシエンセイド</t>
    </rPh>
    <rPh sb="44" eb="55">
      <t>ジュウソウテキシエンタイセイセイビジギョウ</t>
    </rPh>
    <rPh sb="56" eb="58">
      <t>カツヨウ</t>
    </rPh>
    <rPh sb="60" eb="62">
      <t>コベツ</t>
    </rPh>
    <rPh sb="63" eb="65">
      <t>ソウダン</t>
    </rPh>
    <rPh sb="65" eb="67">
      <t>シエン</t>
    </rPh>
    <rPh sb="69" eb="71">
      <t>チイキ</t>
    </rPh>
    <rPh sb="74" eb="76">
      <t>シエン</t>
    </rPh>
    <rPh sb="78" eb="81">
      <t>イッタイテキ</t>
    </rPh>
    <rPh sb="82" eb="83">
      <t>ト</t>
    </rPh>
    <rPh sb="84" eb="85">
      <t>ク</t>
    </rPh>
    <phoneticPr fontId="1"/>
  </si>
  <si>
    <t>介護・障がい・子ども・生活困窮等の各分野で行われている既存の社会参加に向けた支援では対応できない本人や世帯のニーズ等に対応するため、地域の社会資源などに協力いただき新しい社会とのつながりづくりに向けた支援を実施したい。</t>
    <rPh sb="76" eb="78">
      <t>キョウリョク</t>
    </rPh>
    <rPh sb="82" eb="83">
      <t>アタラ</t>
    </rPh>
    <rPh sb="103" eb="105">
      <t>ジッシ</t>
    </rPh>
    <phoneticPr fontId="1"/>
  </si>
  <si>
    <t>・地域の福祉団体とのマッチング
・個別ケースのマッチング</t>
    <rPh sb="1" eb="3">
      <t>チイキ</t>
    </rPh>
    <rPh sb="4" eb="6">
      <t>フクシ</t>
    </rPh>
    <rPh sb="6" eb="8">
      <t>ダンタイ</t>
    </rPh>
    <rPh sb="17" eb="19">
      <t>コベツ</t>
    </rPh>
    <phoneticPr fontId="1"/>
  </si>
  <si>
    <t xml:space="preserve">https://www.city.chigasaki.kanagawa.jp/fukushi_chiiki/1004415.html
https://www.instagram.com/boradasu/
</t>
    <phoneticPr fontId="1"/>
  </si>
  <si>
    <t>福祉部地域福祉課　福祉総合相談担当</t>
    <rPh sb="0" eb="2">
      <t>フクシ</t>
    </rPh>
    <rPh sb="2" eb="3">
      <t>ブ</t>
    </rPh>
    <rPh sb="3" eb="5">
      <t>チイキ</t>
    </rPh>
    <rPh sb="5" eb="7">
      <t>フクシ</t>
    </rPh>
    <rPh sb="7" eb="8">
      <t>カ</t>
    </rPh>
    <rPh sb="9" eb="11">
      <t>フクシ</t>
    </rPh>
    <rPh sb="11" eb="13">
      <t>ソウゴウ</t>
    </rPh>
    <rPh sb="13" eb="15">
      <t>ソウダン</t>
    </rPh>
    <rPh sb="15" eb="17">
      <t>タントウ</t>
    </rPh>
    <phoneticPr fontId="1"/>
  </si>
  <si>
    <t>0467-81-7152
chiikifukushi@city.chigasaki.kanagawa.jp</t>
    <phoneticPr fontId="1"/>
  </si>
  <si>
    <t>1.店舗事業
神奈川・静岡・山梨を中心に、組合員向けのスーパーマーケット（お店）を運営し、日常の食とくらしを支えています。
2.宅配事業
「おうちCO-OP」として、食品・日用品を自宅へ届ける宅配サービスを展開しています。
3.配食（夕食宅配）事業
夕食宅配「マイシィ」により、栄養とおいしさに配慮した夕食を週3日または週5日、自宅へ届けています。
4.共済事業
組合員同士の助け合いを基本とした「CO・OP共済」など、くらしに必要な保障を提供しています。
5.福祉事業
訪問介護・通所介護など介護保険対象サービスや、福祉の相談窓口を運営しています。
6.商品事業
組合員の声を反映したオリジナル商品（コープ商品）の企画・開発・提供を行っています。
7.品質・安全
商品検査センターにおいて、微生物・放射能・残留農薬などの検査を行い、安全・安心を確保しています。
8.子育て支援
妊娠期から子育て期までを支える商品・サービスや、交流・学びの場づくりを行っています。
9.組合員活動
参加型のイベントや学習活動を通じて、地域でのつながりづくりを進めています。
10.サステナブル・地域貢献
環境配慮、福祉団体への寄付、被災地支援など、持続可能な社会づくりに取り組んでいます。</t>
    <phoneticPr fontId="1"/>
  </si>
  <si>
    <t>若い世代や子育て世代の参画が十分に広がっていない。
平和活動、フードドライブ、食品ロス削減など、ユーコープの社会的取り組みの認知度が低下傾向で、特に30代・子育て世代で認知・共感が弱い。
事業と活動、地域・行政・他団体との連携をより一体的に進める必要がある</t>
    <phoneticPr fontId="1"/>
  </si>
  <si>
    <t>・店舗、宅配センター、コミュニティルーム・集会室の提供
・食、環境、福祉、子育て、平和、消費者教育などの実践知等</t>
    <rPh sb="55" eb="56">
      <t>トウ</t>
    </rPh>
    <phoneticPr fontId="1"/>
  </si>
  <si>
    <t>無料</t>
    <rPh sb="0" eb="2">
      <t>ムリョウ</t>
    </rPh>
    <phoneticPr fontId="1"/>
  </si>
  <si>
    <t>https://www.ucoop.or.jp/profile/hello/rinen.html</t>
    <phoneticPr fontId="1"/>
  </si>
  <si>
    <t>1.　環境の取り組み
2.　キッズ体験の取り組み</t>
    <phoneticPr fontId="1"/>
  </si>
  <si>
    <t>1.　ユーコープでは、「人・社会・自然の調和」を大切にし、くらしの中から環境にやさしい行動が広がるよう取り組んでいます。具体的には、CO₂削減、食品ロス削減、リサイクル活動、マイバッグ運動などを進めるとともに、産直事業やサステナブルな商品の普及を通じて、持続可能な社会づくりに貢献しています。また、組合員参加の学習や体験を通じて、環境について考えるきっかけづくりも大切にしています。
2.　子どもたちが「体験」を通して学び、成長できる機会づくりにも力を入れています。職場体験やキッズ店長、社会見学、交通安全教室など、実際に見て・触れて・感じる企画を通じて、食や仕事、地域社会への理解を深める取り組みを行っています。これらの体験は、親子での参加を大切にし、家庭や地域での学びにつながることを目的としています。</t>
    <phoneticPr fontId="1"/>
  </si>
  <si>
    <t>1.　CO₂削減や食品ロス削減、リサイクル活動、マイバッグ運動などを、参加型の学習や体験を通じて進めることで、共通のテーマをもとに人と人がつながる機会を生み出しています。環境という身近な課題について一緒に考え、行動する場があることは、地域や組合員同士のつながりを育み、日常の中での孤立感の軽減につながります。
2.　職場体験やキッズ店長、社会見学などの体験型企画を、親子参加を基本として実施することで、家庭内・地域内のコミュニケーションやつながりを広げています。子どもだけでなく保護者同士が交流するきっかけにもなり、子育て期に起こりやすい孤立の防止や、地域の中で支え合える関係づくりにつながる取り組みです。</t>
    <phoneticPr fontId="1"/>
  </si>
  <si>
    <t>幼児から高校生まで、幼児から小学生までは保護者も一緒に参加可</t>
    <rPh sb="0" eb="2">
      <t>ヨウジ</t>
    </rPh>
    <rPh sb="4" eb="7">
      <t>コウコウセイ</t>
    </rPh>
    <rPh sb="10" eb="12">
      <t>ヨウジ</t>
    </rPh>
    <rPh sb="14" eb="17">
      <t>ショウガクセイ</t>
    </rPh>
    <rPh sb="20" eb="23">
      <t>ホゴシャ</t>
    </rPh>
    <rPh sb="24" eb="26">
      <t>イッショ</t>
    </rPh>
    <rPh sb="27" eb="29">
      <t>サンカ</t>
    </rPh>
    <rPh sb="29" eb="30">
      <t>カ</t>
    </rPh>
    <phoneticPr fontId="1"/>
  </si>
  <si>
    <t xml:space="preserve">1.　制限なし
2.　1回につき5名～20名
</t>
    <rPh sb="3" eb="5">
      <t>セイゲン</t>
    </rPh>
    <rPh sb="13" eb="14">
      <t>カイ</t>
    </rPh>
    <rPh sb="18" eb="19">
      <t>メイ</t>
    </rPh>
    <rPh sb="22" eb="23">
      <t>メイ</t>
    </rPh>
    <phoneticPr fontId="1"/>
  </si>
  <si>
    <t>1.　30分～60分
2.　60分～90分</t>
    <rPh sb="5" eb="6">
      <t>フン</t>
    </rPh>
    <rPh sb="9" eb="10">
      <t>フン</t>
    </rPh>
    <rPh sb="17" eb="18">
      <t>フン</t>
    </rPh>
    <rPh sb="21" eb="22">
      <t>フン</t>
    </rPh>
    <phoneticPr fontId="1"/>
  </si>
  <si>
    <t>神奈川県全域　但し、2で「キッズ店長は、ユーコープの店舗がある地域のみ」</t>
    <rPh sb="0" eb="4">
      <t>カナガワケン</t>
    </rPh>
    <rPh sb="4" eb="6">
      <t>ゼンイキ</t>
    </rPh>
    <rPh sb="7" eb="8">
      <t>タダ</t>
    </rPh>
    <rPh sb="16" eb="18">
      <t>テンチョウ</t>
    </rPh>
    <rPh sb="26" eb="28">
      <t>テンポ</t>
    </rPh>
    <rPh sb="31" eb="33">
      <t>チイキ</t>
    </rPh>
    <phoneticPr fontId="1"/>
  </si>
  <si>
    <t>希望に応じる。　但し、2で「キッズ店長は、ユーコープの店舗で実施」</t>
    <rPh sb="0" eb="2">
      <t>キボウ</t>
    </rPh>
    <rPh sb="3" eb="4">
      <t>オウ</t>
    </rPh>
    <rPh sb="30" eb="32">
      <t>ジッシ</t>
    </rPh>
    <phoneticPr fontId="1"/>
  </si>
  <si>
    <t>1.企画・運営の調整
　　組合員活動委員・エリアコーディネーター・職員による企画立案、関係者調整、当日運営
2.場所の確保
　　店舗、コミュニティルーム、集会室など自組織施設の提供・調整
3.参加者募集・周知
　　組合員ネットワーク、機関誌・チラシ・Web等を活用した周知、参加呼びかけ
4.人的対応
　　組合員・職員による当日の進行補助、見守り、簡易なサポート
5.物品・商品の手配
　　宅配・店舗事業を通じた商品・試食品・必要物資の準備
6.安全配慮・保険対応
　　組合員活動傷害事故・見舞金制度など、既存の安全・補償制度の適用</t>
    <rPh sb="265" eb="266">
      <t>ヨウ</t>
    </rPh>
    <phoneticPr fontId="1"/>
  </si>
  <si>
    <t xml:space="preserve">参加者への周知・声かけ、会場（会議室等）の提供、専門的知見や人的協力、地域関係機関とのつなぎ、広報面でのご協力をお願いしたいと考えています。
</t>
    <phoneticPr fontId="1"/>
  </si>
  <si>
    <t>市町村（福祉・地域支援・子育て・高齢者担当部署）
社会福祉協議会
地域のNPO・市民活動団体
地域包括支援センター
学校・放課後児童クラブ・子育て支援施設
地域の企業・事業者　等</t>
    <rPh sb="88" eb="89">
      <t>トウ</t>
    </rPh>
    <phoneticPr fontId="1"/>
  </si>
  <si>
    <t xml:space="preserve">・地域の実情や対象者に近く、必要な支援につながりやすいため
　（孤独・孤立のリスクを抱える方への気づき・つなぎが可能）
・既存のネットワークや信頼関係を活用できるため
　（行政・社協・NPO等が持つ地域基盤との相乗効果）
・参加者への周知・声かけを広く行えるため
　（ユーコープ単独では届きにくい層へのアプローチ）
・専門的な知見や経験を共有できるため
　（福祉、子育て、高齢者支援等の分野）
・地域全体で支え合う仕組みづくりにつながるため
　（単発ではなく、継続的な関係構築を目指せる）
</t>
    <phoneticPr fontId="1"/>
  </si>
  <si>
    <t>12月以外</t>
    <rPh sb="2" eb="3">
      <t>ガツ</t>
    </rPh>
    <rPh sb="3" eb="5">
      <t>イガイ</t>
    </rPh>
    <phoneticPr fontId="1"/>
  </si>
  <si>
    <t>生活協同組合ユーコープ　かながわ県本部
西尾・堀井</t>
    <rPh sb="0" eb="2">
      <t>セイカツ</t>
    </rPh>
    <rPh sb="2" eb="6">
      <t>キョウドウクミアイ</t>
    </rPh>
    <rPh sb="16" eb="19">
      <t>ケンホンブ</t>
    </rPh>
    <rPh sb="20" eb="22">
      <t>ニシオ</t>
    </rPh>
    <rPh sb="23" eb="25">
      <t>ホリイ</t>
    </rPh>
    <phoneticPr fontId="1"/>
  </si>
  <si>
    <t>横浜市中区桜木町1-1-8　日石横浜ビル23階
電話番号　 045-305-6116</t>
    <phoneticPr fontId="1"/>
  </si>
  <si>
    <t>https://www.ucoop.or.jp/</t>
    <phoneticPr fontId="1"/>
  </si>
  <si>
    <t>様々な活動を支援する、あるいは公益的な活動に取り組むための資金の調達（研究中）
NPO法人等の経営支援に係るノウハウ</t>
    <rPh sb="43" eb="45">
      <t>ホウジン</t>
    </rPh>
    <rPh sb="45" eb="46">
      <t>トウ</t>
    </rPh>
    <rPh sb="47" eb="51">
      <t>ケイエイシエン</t>
    </rPh>
    <rPh sb="52" eb="53">
      <t>カカ</t>
    </rPh>
    <phoneticPr fontId="1"/>
  </si>
  <si>
    <t>相談に応じます。</t>
    <rPh sb="0" eb="2">
      <t>ソウダン</t>
    </rPh>
    <rPh sb="3" eb="4">
      <t>オウ</t>
    </rPh>
    <phoneticPr fontId="1"/>
  </si>
  <si>
    <t>https://www.kanafuku.jp/</t>
    <phoneticPr fontId="1"/>
  </si>
  <si>
    <t>主に内閣府孤独・孤立対策担い手育成支援事業（令和６・７年度実施、８年度以降も予定）
１）教育プログラムの実施
２）活動団体等への（伴走）支援
３）孤独・孤立対策推進フォーラムの開催
４）モデル地区を設定して地域づくり推進プログラムの実施</t>
    <rPh sb="0" eb="1">
      <t>オモ</t>
    </rPh>
    <rPh sb="2" eb="5">
      <t>ナイカクフ</t>
    </rPh>
    <rPh sb="22" eb="24">
      <t>レイワ</t>
    </rPh>
    <rPh sb="44" eb="46">
      <t>キョウイク</t>
    </rPh>
    <rPh sb="52" eb="54">
      <t>ジッシ</t>
    </rPh>
    <rPh sb="57" eb="59">
      <t>カツドウ</t>
    </rPh>
    <rPh sb="59" eb="61">
      <t>ダンタイ</t>
    </rPh>
    <rPh sb="61" eb="62">
      <t>トウ</t>
    </rPh>
    <rPh sb="65" eb="67">
      <t>バンソウ</t>
    </rPh>
    <rPh sb="68" eb="70">
      <t>シエン</t>
    </rPh>
    <rPh sb="73" eb="75">
      <t>コドク</t>
    </rPh>
    <rPh sb="76" eb="82">
      <t>コリツタイサクスイシン</t>
    </rPh>
    <rPh sb="88" eb="90">
      <t>カイサイ</t>
    </rPh>
    <phoneticPr fontId="1"/>
  </si>
  <si>
    <t>事例や協議体、フィールドワーク等を通じて地域の様々な取り組みを推進することで、孤独・孤立対策に係るゼロ次予防（未病）への対策
１）地域住民や活動者、活動団体等を対象とした講座を行い、修了者に対してのネットワーク構築や伴走的支援につなげていく
２）上記修了者や既に活動している方々に対して経営等も含めて支援していく
３）当会独自の「かながわ福祉サービス大賞」と一体的に実施して、先駆的な活動を行っている活動者等の発掘と照会を行って機運を高めていく
４）伴走支援からモデル地区を見出して、当該地区に対して地域づくりの介入を図っていく</t>
    <rPh sb="39" eb="41">
      <t>コドク</t>
    </rPh>
    <rPh sb="42" eb="44">
      <t>コリツ</t>
    </rPh>
    <rPh sb="44" eb="46">
      <t>タイサク</t>
    </rPh>
    <rPh sb="47" eb="48">
      <t>カカ</t>
    </rPh>
    <rPh sb="51" eb="54">
      <t>ジヨボウ</t>
    </rPh>
    <rPh sb="55" eb="57">
      <t>ミビョウ</t>
    </rPh>
    <rPh sb="60" eb="62">
      <t>タイサク</t>
    </rPh>
    <rPh sb="65" eb="69">
      <t>チイキジュウミン</t>
    </rPh>
    <rPh sb="70" eb="73">
      <t>カツドウシャ</t>
    </rPh>
    <rPh sb="74" eb="78">
      <t>カツドウダンタイ</t>
    </rPh>
    <rPh sb="78" eb="79">
      <t>トウ</t>
    </rPh>
    <rPh sb="80" eb="82">
      <t>タイショウ</t>
    </rPh>
    <rPh sb="85" eb="87">
      <t>コウザ</t>
    </rPh>
    <rPh sb="88" eb="89">
      <t>オコナ</t>
    </rPh>
    <rPh sb="91" eb="94">
      <t>シュウリョウシャ</t>
    </rPh>
    <rPh sb="95" eb="96">
      <t>タイ</t>
    </rPh>
    <rPh sb="105" eb="107">
      <t>コウチク</t>
    </rPh>
    <rPh sb="108" eb="113">
      <t>バンソウテキシエン</t>
    </rPh>
    <rPh sb="123" eb="125">
      <t>ジョウキ</t>
    </rPh>
    <rPh sb="125" eb="128">
      <t>シュウリョウシャ</t>
    </rPh>
    <rPh sb="129" eb="130">
      <t>スデ</t>
    </rPh>
    <rPh sb="131" eb="133">
      <t>カツドウ</t>
    </rPh>
    <rPh sb="137" eb="141">
      <t>カタガタニタイ</t>
    </rPh>
    <rPh sb="143" eb="146">
      <t>ケイエイトウ</t>
    </rPh>
    <rPh sb="147" eb="148">
      <t>フク</t>
    </rPh>
    <rPh sb="150" eb="152">
      <t>シエン</t>
    </rPh>
    <rPh sb="159" eb="163">
      <t>トウカイドクジ</t>
    </rPh>
    <rPh sb="169" eb="171">
      <t>フクシ</t>
    </rPh>
    <rPh sb="175" eb="177">
      <t>タイショウ</t>
    </rPh>
    <rPh sb="179" eb="182">
      <t>イッタイテキ</t>
    </rPh>
    <rPh sb="183" eb="185">
      <t>ジッシ</t>
    </rPh>
    <rPh sb="188" eb="191">
      <t>センクテキ</t>
    </rPh>
    <rPh sb="200" eb="204">
      <t>カツドウシャトウ</t>
    </rPh>
    <rPh sb="205" eb="207">
      <t>ハックツ</t>
    </rPh>
    <rPh sb="208" eb="210">
      <t>ショウカイ</t>
    </rPh>
    <rPh sb="211" eb="212">
      <t>オコナ</t>
    </rPh>
    <rPh sb="214" eb="216">
      <t>キウン</t>
    </rPh>
    <rPh sb="217" eb="218">
      <t>タカ</t>
    </rPh>
    <rPh sb="225" eb="229">
      <t>バンソウシエン</t>
    </rPh>
    <rPh sb="234" eb="236">
      <t>チク</t>
    </rPh>
    <rPh sb="237" eb="239">
      <t>ミイダ</t>
    </rPh>
    <phoneticPr fontId="1"/>
  </si>
  <si>
    <t>１）経営に係る学識を有する方、地域福祉や孤独・孤立対策等に係る学識を有する方など
２）同上
３）基調講演の講師、応募する活動者・活動団体等
４）上記１）～３）と同様</t>
    <rPh sb="2" eb="4">
      <t>ケイエイ</t>
    </rPh>
    <rPh sb="5" eb="6">
      <t>カカ</t>
    </rPh>
    <rPh sb="7" eb="9">
      <t>ガクシキ</t>
    </rPh>
    <rPh sb="10" eb="11">
      <t>ユウ</t>
    </rPh>
    <rPh sb="13" eb="14">
      <t>カタ</t>
    </rPh>
    <rPh sb="15" eb="19">
      <t>チイキフクシ</t>
    </rPh>
    <rPh sb="20" eb="22">
      <t>コドク</t>
    </rPh>
    <rPh sb="23" eb="25">
      <t>コリツ</t>
    </rPh>
    <rPh sb="25" eb="28">
      <t>タイサクトウ</t>
    </rPh>
    <rPh sb="29" eb="30">
      <t>カカ</t>
    </rPh>
    <rPh sb="31" eb="33">
      <t>ガクシキ</t>
    </rPh>
    <rPh sb="34" eb="35">
      <t>ユウ</t>
    </rPh>
    <rPh sb="37" eb="38">
      <t>カタ</t>
    </rPh>
    <rPh sb="43" eb="45">
      <t>ドウジョウ</t>
    </rPh>
    <rPh sb="48" eb="52">
      <t>キチョウコウエン</t>
    </rPh>
    <rPh sb="53" eb="55">
      <t>コウシ</t>
    </rPh>
    <rPh sb="56" eb="58">
      <t>オウボ</t>
    </rPh>
    <rPh sb="60" eb="63">
      <t>カツドウシャ</t>
    </rPh>
    <rPh sb="64" eb="69">
      <t>カツドウダンタイトウ</t>
    </rPh>
    <rPh sb="72" eb="74">
      <t>ジョウキ</t>
    </rPh>
    <rPh sb="80" eb="82">
      <t>ドウヨウ</t>
    </rPh>
    <phoneticPr fontId="1"/>
  </si>
  <si>
    <t>１）開催毎に20～30名
２）３～５団体を想定（年間）
３）講師は1名、応募者は無制限
４）１～２地区を想定（年間）</t>
    <rPh sb="2" eb="5">
      <t>カイサイマイ</t>
    </rPh>
    <rPh sb="11" eb="12">
      <t>メイ</t>
    </rPh>
    <rPh sb="18" eb="20">
      <t>ダンタイ</t>
    </rPh>
    <rPh sb="21" eb="23">
      <t>ソウテイ</t>
    </rPh>
    <rPh sb="24" eb="26">
      <t>ネンカン</t>
    </rPh>
    <rPh sb="30" eb="32">
      <t>コウシ</t>
    </rPh>
    <rPh sb="34" eb="35">
      <t>メイ</t>
    </rPh>
    <rPh sb="36" eb="39">
      <t>オウボシャ</t>
    </rPh>
    <rPh sb="40" eb="43">
      <t>ムセイゲン</t>
    </rPh>
    <rPh sb="49" eb="51">
      <t>チク</t>
    </rPh>
    <rPh sb="52" eb="54">
      <t>ソウテイ</t>
    </rPh>
    <rPh sb="55" eb="57">
      <t>ネンカン</t>
    </rPh>
    <phoneticPr fontId="1"/>
  </si>
  <si>
    <t>１）１回につき２～３時間（Ⅰ講座につき３～５回）
２）必要に応じて
３）講師は1時間～１時間３０分、応募者は発表の場合１５分
４）必要に応じて</t>
    <rPh sb="3" eb="4">
      <t>カイ</t>
    </rPh>
    <rPh sb="10" eb="12">
      <t>ジカン</t>
    </rPh>
    <rPh sb="14" eb="16">
      <t>コウザ</t>
    </rPh>
    <rPh sb="22" eb="23">
      <t>カイ</t>
    </rPh>
    <rPh sb="27" eb="29">
      <t>ヒツヨウ</t>
    </rPh>
    <rPh sb="30" eb="31">
      <t>オウ</t>
    </rPh>
    <rPh sb="36" eb="38">
      <t>コウシ</t>
    </rPh>
    <rPh sb="40" eb="42">
      <t>ジカン</t>
    </rPh>
    <rPh sb="44" eb="46">
      <t>ジカン</t>
    </rPh>
    <rPh sb="48" eb="49">
      <t>フン</t>
    </rPh>
    <rPh sb="50" eb="53">
      <t>オウボシャ</t>
    </rPh>
    <rPh sb="54" eb="56">
      <t>ハッピョウ</t>
    </rPh>
    <rPh sb="57" eb="59">
      <t>バアイ</t>
    </rPh>
    <rPh sb="61" eb="62">
      <t>フン</t>
    </rPh>
    <rPh sb="65" eb="67">
      <t>ヒツヨウ</t>
    </rPh>
    <rPh sb="68" eb="69">
      <t>オウ</t>
    </rPh>
    <phoneticPr fontId="1"/>
  </si>
  <si>
    <t>横浜市内をはじめ神奈川県全域（各地域毎）を想定</t>
    <rPh sb="0" eb="4">
      <t>ヨコハマシナイ</t>
    </rPh>
    <rPh sb="8" eb="14">
      <t>カナガワケンゼンイキ</t>
    </rPh>
    <rPh sb="15" eb="18">
      <t>カクチイキ</t>
    </rPh>
    <rPh sb="18" eb="19">
      <t>マイ</t>
    </rPh>
    <rPh sb="21" eb="23">
      <t>ソウテイ</t>
    </rPh>
    <phoneticPr fontId="1"/>
  </si>
  <si>
    <t>県内外の様々な研修施設・会議室等</t>
    <rPh sb="0" eb="3">
      <t>ケンナイガイ</t>
    </rPh>
    <rPh sb="4" eb="6">
      <t>サマザマ</t>
    </rPh>
    <rPh sb="7" eb="9">
      <t>ケンシュウ</t>
    </rPh>
    <rPh sb="9" eb="11">
      <t>シセツ</t>
    </rPh>
    <rPh sb="12" eb="15">
      <t>カイギシツ</t>
    </rPh>
    <rPh sb="15" eb="16">
      <t>トウ</t>
    </rPh>
    <phoneticPr fontId="1"/>
  </si>
  <si>
    <t>経営の支援以外は概ね対応可能ですが、より深い詳細な情報を持った取り組みとするためには、多くの機関の方々との連携が必要です。</t>
    <rPh sb="0" eb="2">
      <t>ケイエイ</t>
    </rPh>
    <rPh sb="3" eb="7">
      <t>シエンイガイ</t>
    </rPh>
    <rPh sb="8" eb="9">
      <t>オオム</t>
    </rPh>
    <rPh sb="10" eb="14">
      <t>タイオウカノウ</t>
    </rPh>
    <rPh sb="20" eb="21">
      <t>フカ</t>
    </rPh>
    <rPh sb="22" eb="24">
      <t>ショウサイ</t>
    </rPh>
    <rPh sb="25" eb="27">
      <t>ジョウホウ</t>
    </rPh>
    <rPh sb="28" eb="29">
      <t>モ</t>
    </rPh>
    <rPh sb="31" eb="32">
      <t>ト</t>
    </rPh>
    <rPh sb="33" eb="34">
      <t>ク</t>
    </rPh>
    <rPh sb="43" eb="44">
      <t>オオ</t>
    </rPh>
    <rPh sb="46" eb="48">
      <t>キカン</t>
    </rPh>
    <rPh sb="49" eb="51">
      <t>カタガタ</t>
    </rPh>
    <rPh sb="53" eb="55">
      <t>レンケイ</t>
    </rPh>
    <rPh sb="56" eb="58">
      <t>ヒツヨウ</t>
    </rPh>
    <phoneticPr fontId="1"/>
  </si>
  <si>
    <t>講義を実施可能な会場のご提供や、支援のための様々な学識</t>
    <rPh sb="8" eb="10">
      <t>カイジョウ</t>
    </rPh>
    <rPh sb="12" eb="14">
      <t>テイキョウ</t>
    </rPh>
    <rPh sb="16" eb="18">
      <t>シエン</t>
    </rPh>
    <rPh sb="22" eb="27">
      <t>サマザマナガクシキ</t>
    </rPh>
    <phoneticPr fontId="1"/>
  </si>
  <si>
    <t>相談に応じさせていただきます。</t>
    <rPh sb="0" eb="2">
      <t>ソウダン</t>
    </rPh>
    <rPh sb="3" eb="4">
      <t>オウ</t>
    </rPh>
    <phoneticPr fontId="1"/>
  </si>
  <si>
    <t>社協様をはじめ地域福祉・共生社会等の推進団体、経営に関する学識やコンサルティング能力を有する方、医療・福祉等に係る職能団体、各企業など</t>
    <rPh sb="23" eb="25">
      <t>ケイエイ</t>
    </rPh>
    <rPh sb="29" eb="31">
      <t>ガクシキ</t>
    </rPh>
    <rPh sb="48" eb="50">
      <t>イリョウ</t>
    </rPh>
    <rPh sb="51" eb="54">
      <t>フクシトウ</t>
    </rPh>
    <rPh sb="55" eb="56">
      <t>カカ</t>
    </rPh>
    <rPh sb="57" eb="61">
      <t>ショクノウダンタイ</t>
    </rPh>
    <rPh sb="62" eb="63">
      <t>カク</t>
    </rPh>
    <rPh sb="63" eb="65">
      <t>キギョウ</t>
    </rPh>
    <phoneticPr fontId="1"/>
  </si>
  <si>
    <t>充実した支援としたいため、ひいてはゼロ次予防として活動者をはじめすべての地域住民に孤独・孤立対策の担い手となって頂きたいため</t>
    <rPh sb="0" eb="2">
      <t>ジュウジツ</t>
    </rPh>
    <rPh sb="4" eb="6">
      <t>シエン</t>
    </rPh>
    <rPh sb="19" eb="22">
      <t>ジヨボウ</t>
    </rPh>
    <rPh sb="25" eb="28">
      <t>カツドウシャ</t>
    </rPh>
    <phoneticPr fontId="1"/>
  </si>
  <si>
    <t>通年</t>
    <rPh sb="0" eb="2">
      <t>ツウネン</t>
    </rPh>
    <phoneticPr fontId="1"/>
  </si>
  <si>
    <t>長田　泰史（おさだ　やすし）</t>
    <rPh sb="0" eb="2">
      <t>オサダ</t>
    </rPh>
    <rPh sb="3" eb="5">
      <t>ヤスシ</t>
    </rPh>
    <phoneticPr fontId="1"/>
  </si>
  <si>
    <t>045-514-1183（直通）
①ckyoseid＠kanafuku.Jp
②osaday＠kanafuku.Jp</t>
    <rPh sb="13" eb="15">
      <t>チョクツウ</t>
    </rPh>
    <phoneticPr fontId="1"/>
  </si>
  <si>
    <t>家族を頼ることが難しい
15歳～29歳の若者をサポートしています。</t>
    <phoneticPr fontId="1"/>
  </si>
  <si>
    <t>「助けて」と声を上げることは勇気がいることです。 「辛くて厳しい状況をにいるけど、相談できない」「自分が、支援を必要とする状況にあると気づいていない」など、 支援が届きづらく困窮している若者がいます。地域の方々や若者の周りにいる大人がアマヤドリと存在を知り、必要と感じたら伝えていただくことで、より多くの若者が「相談してみようかな」「相談していいんだ」と行動に移せるのではないかと考えています。</t>
    <phoneticPr fontId="1"/>
  </si>
  <si>
    <t>https://www.amayadori-official.net/</t>
    <phoneticPr fontId="1"/>
  </si>
  <si>
    <t>家族を頼ることが難しい15歳～29歳の若者</t>
    <phoneticPr fontId="1"/>
  </si>
  <si>
    <t>事務局</t>
    <rPh sb="0" eb="3">
      <t>ジムキョク</t>
    </rPh>
    <phoneticPr fontId="1"/>
  </si>
  <si>
    <t>info@amayadori2020.com</t>
    <phoneticPr fontId="1"/>
  </si>
  <si>
    <t>ドラッグストアにおける管理栄養士の認知不足や、資格や専門性が十分に活かされていないことが課題です。多様な関係機関と連携し、地域住民への栄養・健康指導や啓発活動を通じて、管理栄養士の役割を周知するとともに、人と人とのつながりづくりや孤独・孤立対策への貢献が期待されます。</t>
    <phoneticPr fontId="1"/>
  </si>
  <si>
    <t>弊社が有する管理栄養士や店舗スタッフなどの人材、全国の店舗ネットワーク、健康測定器やサンプル、栄養・健康に関する知識・ノウハウ、地域でのイベント実施機会を活用することで、地域住民同士の交流や情報提供を促進し、人と人とのつながりづくりや孤独・孤立対策の解決が期待されます。</t>
    <phoneticPr fontId="1"/>
  </si>
  <si>
    <t>https://www.tsuruha.co.jp/service/nutritionist/
https://tsuruha-recruit.jp/category/kanrieiyoushi-info/</t>
    <phoneticPr fontId="1"/>
  </si>
  <si>
    <t>・無料相談会、測定会
・管理栄養士による栄養セミナー</t>
    <rPh sb="1" eb="3">
      <t>ムリョウ</t>
    </rPh>
    <rPh sb="3" eb="6">
      <t>ソウダンカイ</t>
    </rPh>
    <rPh sb="7" eb="9">
      <t>ソクテイ</t>
    </rPh>
    <rPh sb="9" eb="10">
      <t>カイ</t>
    </rPh>
    <rPh sb="12" eb="17">
      <t>カンリエイヨウシ</t>
    </rPh>
    <rPh sb="20" eb="22">
      <t>エイヨウ</t>
    </rPh>
    <phoneticPr fontId="1"/>
  </si>
  <si>
    <t>通常、店頭にて不定期にはなりますが測定器を用いお買い物に来てくださるお客様へ無料で測定会を行っております。
お買い物ついでに健康への気づきを与え、地域のお客様の健康をサポートするための場を提供しております。</t>
    <rPh sb="0" eb="2">
      <t>ツウジョウ</t>
    </rPh>
    <rPh sb="3" eb="5">
      <t>テントウ</t>
    </rPh>
    <rPh sb="7" eb="10">
      <t>フテイキ</t>
    </rPh>
    <rPh sb="17" eb="20">
      <t>ソクテイキ</t>
    </rPh>
    <rPh sb="21" eb="22">
      <t>モチ</t>
    </rPh>
    <rPh sb="24" eb="25">
      <t>カ</t>
    </rPh>
    <rPh sb="26" eb="27">
      <t>モノ</t>
    </rPh>
    <rPh sb="28" eb="29">
      <t>キ</t>
    </rPh>
    <rPh sb="35" eb="37">
      <t>キャクサマ</t>
    </rPh>
    <rPh sb="38" eb="40">
      <t>ムリョウ</t>
    </rPh>
    <rPh sb="41" eb="44">
      <t>ソクテイカイ</t>
    </rPh>
    <rPh sb="45" eb="46">
      <t>オコナ</t>
    </rPh>
    <rPh sb="55" eb="56">
      <t>カ</t>
    </rPh>
    <rPh sb="57" eb="58">
      <t>モノ</t>
    </rPh>
    <rPh sb="62" eb="64">
      <t>ケンコウ</t>
    </rPh>
    <rPh sb="66" eb="67">
      <t>キ</t>
    </rPh>
    <rPh sb="70" eb="71">
      <t>アタ</t>
    </rPh>
    <rPh sb="73" eb="75">
      <t>チイキ</t>
    </rPh>
    <rPh sb="77" eb="79">
      <t>キャクサマ</t>
    </rPh>
    <rPh sb="80" eb="82">
      <t>ケンコウ</t>
    </rPh>
    <rPh sb="92" eb="93">
      <t>バ</t>
    </rPh>
    <rPh sb="94" eb="96">
      <t>テイキョウ</t>
    </rPh>
    <phoneticPr fontId="1"/>
  </si>
  <si>
    <t>店頭でも実施はしておりますが、まだまだ地域の方々へのアプローチが少なく、外部との取り組みが増えることでドラッグストアに管理栄養士がいることの認知が広がり、【病気になる前にツルハへ相談しよう】と思ってもらえる管理栄養士の存在を目指しております。</t>
    <rPh sb="0" eb="2">
      <t>テントウ</t>
    </rPh>
    <rPh sb="4" eb="6">
      <t>ジッシ</t>
    </rPh>
    <rPh sb="19" eb="21">
      <t>チイキ</t>
    </rPh>
    <rPh sb="22" eb="24">
      <t>カタガタ</t>
    </rPh>
    <rPh sb="32" eb="33">
      <t>スク</t>
    </rPh>
    <rPh sb="36" eb="38">
      <t>ガイブ</t>
    </rPh>
    <rPh sb="40" eb="41">
      <t>ト</t>
    </rPh>
    <rPh sb="42" eb="43">
      <t>ク</t>
    </rPh>
    <rPh sb="45" eb="46">
      <t>フ</t>
    </rPh>
    <rPh sb="59" eb="64">
      <t>カンリエイヨウシ</t>
    </rPh>
    <rPh sb="70" eb="72">
      <t>ニンチ</t>
    </rPh>
    <rPh sb="73" eb="74">
      <t>ヒロ</t>
    </rPh>
    <rPh sb="78" eb="80">
      <t>ビョウキ</t>
    </rPh>
    <rPh sb="83" eb="84">
      <t>マエ</t>
    </rPh>
    <rPh sb="89" eb="91">
      <t>ソウダン</t>
    </rPh>
    <rPh sb="96" eb="97">
      <t>オモ</t>
    </rPh>
    <rPh sb="103" eb="108">
      <t>カンリエイヨウシ</t>
    </rPh>
    <rPh sb="109" eb="111">
      <t>ソンザイ</t>
    </rPh>
    <rPh sb="112" eb="114">
      <t>メザ</t>
    </rPh>
    <phoneticPr fontId="1"/>
  </si>
  <si>
    <t>乳児～高齢者まで</t>
    <rPh sb="0" eb="2">
      <t>ニュウジ</t>
    </rPh>
    <rPh sb="3" eb="6">
      <t>コウレイシャ</t>
    </rPh>
    <phoneticPr fontId="1"/>
  </si>
  <si>
    <t>神奈川県（店舗が近隣にある地域を希望）</t>
    <rPh sb="0" eb="4">
      <t>カナガワケン</t>
    </rPh>
    <rPh sb="5" eb="7">
      <t>テンポ</t>
    </rPh>
    <rPh sb="8" eb="10">
      <t>キンリン</t>
    </rPh>
    <rPh sb="13" eb="15">
      <t>チイキ</t>
    </rPh>
    <rPh sb="16" eb="18">
      <t>キボウ</t>
    </rPh>
    <phoneticPr fontId="1"/>
  </si>
  <si>
    <t>測定会やセミナーが実施できるスペースがあればどこでも可</t>
    <rPh sb="0" eb="3">
      <t>ソクテイカイ</t>
    </rPh>
    <rPh sb="9" eb="11">
      <t>ジッシ</t>
    </rPh>
    <rPh sb="26" eb="27">
      <t>カ</t>
    </rPh>
    <phoneticPr fontId="1"/>
  </si>
  <si>
    <t>・管理栄養士による栄養相談・栄養指導・測定会
(熱中症セミナー、ベビー相談会、スポーツされる方へ向けて鉄分セミナー等実施経験あり。)
・測定器(骨ウェーブ、ベジミル、体組成計、血管年齢測定器)などの用意
・運営のための人員
・測定会、相談会参加者へのサンプル配布</t>
    <rPh sb="1" eb="6">
      <t>カンリエイヨウシ</t>
    </rPh>
    <rPh sb="9" eb="13">
      <t>エイヨウソウダン</t>
    </rPh>
    <rPh sb="14" eb="18">
      <t>エイヨウシドウ</t>
    </rPh>
    <rPh sb="19" eb="22">
      <t>ソクテイカイ</t>
    </rPh>
    <rPh sb="24" eb="27">
      <t>ネッチュウショウ</t>
    </rPh>
    <rPh sb="35" eb="38">
      <t>ソウダンカイ</t>
    </rPh>
    <rPh sb="46" eb="47">
      <t>カタ</t>
    </rPh>
    <rPh sb="48" eb="49">
      <t>ム</t>
    </rPh>
    <rPh sb="51" eb="53">
      <t>テツブン</t>
    </rPh>
    <rPh sb="57" eb="58">
      <t>ナド</t>
    </rPh>
    <rPh sb="58" eb="60">
      <t>ジッシ</t>
    </rPh>
    <rPh sb="60" eb="62">
      <t>ケイケン</t>
    </rPh>
    <rPh sb="68" eb="71">
      <t>ソクテイキ</t>
    </rPh>
    <rPh sb="72" eb="73">
      <t>ホネ</t>
    </rPh>
    <rPh sb="83" eb="87">
      <t>タイソセイケイ</t>
    </rPh>
    <rPh sb="88" eb="92">
      <t>ケッカンネンレイ</t>
    </rPh>
    <rPh sb="92" eb="94">
      <t>ソクテイ</t>
    </rPh>
    <rPh sb="94" eb="95">
      <t>キ</t>
    </rPh>
    <rPh sb="99" eb="101">
      <t>ヨウイ</t>
    </rPh>
    <rPh sb="103" eb="105">
      <t>ウンエイ</t>
    </rPh>
    <rPh sb="109" eb="111">
      <t>ジンイン</t>
    </rPh>
    <rPh sb="113" eb="116">
      <t>ソクテイカイ</t>
    </rPh>
    <rPh sb="117" eb="120">
      <t>ソウダンカイ</t>
    </rPh>
    <rPh sb="120" eb="123">
      <t>サンカシャ</t>
    </rPh>
    <rPh sb="129" eb="131">
      <t>ハイフ</t>
    </rPh>
    <phoneticPr fontId="1"/>
  </si>
  <si>
    <t>セミナーや相談会・測定会の実施可能な会議室の用意
（スクリーン・プロジェクターがあるとありがたいです）</t>
    <rPh sb="5" eb="8">
      <t>ソウダンカイ</t>
    </rPh>
    <rPh sb="9" eb="12">
      <t>ソクテイカイ</t>
    </rPh>
    <rPh sb="13" eb="15">
      <t>ジッシ</t>
    </rPh>
    <rPh sb="15" eb="17">
      <t>カノウ</t>
    </rPh>
    <rPh sb="18" eb="21">
      <t>カイギシツ</t>
    </rPh>
    <rPh sb="22" eb="24">
      <t>ヨウイ</t>
    </rPh>
    <phoneticPr fontId="1"/>
  </si>
  <si>
    <t>・市町村
・子ども食堂
・老人施設等
・福祉協議会</t>
    <rPh sb="1" eb="4">
      <t>シチョウソン</t>
    </rPh>
    <rPh sb="6" eb="7">
      <t>コ</t>
    </rPh>
    <rPh sb="9" eb="11">
      <t>ショクドウ</t>
    </rPh>
    <rPh sb="13" eb="17">
      <t>ロウジンシセツ</t>
    </rPh>
    <rPh sb="17" eb="18">
      <t>ナド</t>
    </rPh>
    <rPh sb="20" eb="25">
      <t>フクシキョウギカイ</t>
    </rPh>
    <phoneticPr fontId="1"/>
  </si>
  <si>
    <t>荒川　ゆい</t>
    <rPh sb="0" eb="2">
      <t>アラカワ</t>
    </rPh>
    <phoneticPr fontId="1"/>
  </si>
  <si>
    <t>070-7405-2801
arakawa67193@tsuruha.co.jp</t>
    <phoneticPr fontId="1"/>
  </si>
  <si>
    <t>川崎市幸区を中心に活動していますが、今後は拠点を広げたいと考えています。現段階では活動が十分に知られておらず、当団体の教育的価値を多くの方に知っていただくことで、同じ理念を持つ団体とつながり、協力者が増えることを期待しています。
継続的な事業運営に必要な運営費の安定的な確保。現在は助成金や寄付、ボランティアによる支援により活動を継続しておりますが、事業拡大や安定運営の観点から、中長期的な資金基盤の強化が必要であると考えています。</t>
  </si>
  <si>
    <t>育児経験者や元保育士、教員、助産師など多様な専門人材と、コトニアガーデン新川崎という活動拠点での子育て支援の運営ノウハウを有しています。また、月１回のフリースクールでは、現支援級のサポート教員であり、勇気づけ親子共育コーチのスタッフが子どもとその保護者に安心の居場所を提供。子どもと多様な人材と地域のつながりにより、保護者と子どもの孤独・孤立解消に寄与しています。</t>
  </si>
  <si>
    <t>・当日運営の人材
・運営費用の寄付
・サポーター出店</t>
  </si>
  <si>
    <t>青空子育てひろば＠コトニアの運営サポーター</t>
  </si>
  <si>
    <t>コトニアガーデン新川崎にて「青空子育てひろば＠コトニア」を月１回開催しています。育児経験者、元保育士、ボーイスカウト経験者がスタッフとして、現役助産師、大手企業のボランティア、大学生ボランティア、地域のフォトスタジオ、ハンドメイド作家、地域で活動するボランティアなど、多様な背景を持つ人材のサポートの上、【子育てはたくさんの手と笑顔で】を合言葉に、保護者と子どもが安心して交流できる場を提供しています。</t>
  </si>
  <si>
    <t>・子育て中の親子（特に0～3歳の乳幼児）
・地域のシニア層</t>
  </si>
  <si>
    <t>目標
・平日 30組程度
・土曜日 60組程度
現状
・平日15組程度
・土曜日25組程度</t>
  </si>
  <si>
    <t>・10時半から13時半の３時間程度（前後の準備に追加時間あり）</t>
  </si>
  <si>
    <t>・コトニアガーデン新川崎（川崎市幸区）</t>
  </si>
  <si>
    <t>・開催場所・遊具・玩具
・当日運営スタッフ２名</t>
  </si>
  <si>
    <t>・資金援助
・ボランティアスタッフ</t>
  </si>
  <si>
    <t>・べービーフードや粉ミルクなど、乳幼児向けの商品を扱う企業
・子育て世代向けの商品を扱う企業
・地域のシニア層向けの商品を扱う企業</t>
  </si>
  <si>
    <t xml:space="preserve">企業が子育て世代やシニア層に寄り添う形で関わることで、気軽に立ち寄れる場で情報を受け取ったり、人とつながる機会を得られ、孤独や孤立の予防につながる。
</t>
  </si>
  <si>
    <t>年10回開催</t>
  </si>
  <si>
    <t>薬師寺</t>
  </si>
  <si>
    <t>hatarakurasu.gigyou@gmail.com</t>
  </si>
  <si>
    <t>https://hatarakurasu.org/classification/blue-sky-children-square/</t>
  </si>
  <si>
    <t>生活困窮者等の自立に寄与する取り組みとして、生活困窮者自立支援制度における就労準備支援事業、就農訓練事業、就労訓練事業を実施しています。あわせて、就労訓練の場として、飲食店３店舗と農場の運営も行っています。
運営している喫茶室ノスタルジーでは、子ども食堂・認知症カフェ・介護喫茶・若年認知症家族の会・まねきカフェ（地域の居場所）など、複数の団体と連携しながら、定期的なイベントの主催や協力を行っています。</t>
    <rPh sb="14" eb="15">
      <t>ト</t>
    </rPh>
    <rPh sb="16" eb="17">
      <t>ク</t>
    </rPh>
    <rPh sb="96" eb="97">
      <t>オコナ</t>
    </rPh>
    <rPh sb="104" eb="106">
      <t>ウンエイ</t>
    </rPh>
    <phoneticPr fontId="1"/>
  </si>
  <si>
    <t>・飲食店・農場を活用した就労訓練の機会
・就労準備から職業紹介まで切れ目なく支える支援モデルに基づく、生活困窮者支援のうち、主に就労支援に関する知見。
・喫茶室をイベント開催会場などとして提供する取り組み。</t>
    <rPh sb="62" eb="63">
      <t>オモ</t>
    </rPh>
    <rPh sb="64" eb="68">
      <t>シュウロウシエン</t>
    </rPh>
    <rPh sb="69" eb="70">
      <t>カン</t>
    </rPh>
    <rPh sb="72" eb="74">
      <t>チケン</t>
    </rPh>
    <rPh sb="77" eb="80">
      <t>キッサシツ</t>
    </rPh>
    <rPh sb="85" eb="87">
      <t>カイサイ</t>
    </rPh>
    <rPh sb="87" eb="89">
      <t>カイジョウ</t>
    </rPh>
    <rPh sb="94" eb="96">
      <t>テイキョウ</t>
    </rPh>
    <rPh sb="98" eb="99">
      <t>ト</t>
    </rPh>
    <rPh sb="100" eb="101">
      <t>ク</t>
    </rPh>
    <phoneticPr fontId="1"/>
  </si>
  <si>
    <t>事例ごとの個別判断</t>
    <phoneticPr fontId="1"/>
  </si>
  <si>
    <t>連携提案一覧表</t>
    <rPh sb="0" eb="2">
      <t>レンケイ</t>
    </rPh>
    <rPh sb="2" eb="4">
      <t>テイアン</t>
    </rPh>
    <rPh sb="4" eb="7">
      <t>イチランヒョウ</t>
    </rPh>
    <phoneticPr fontId="1"/>
  </si>
  <si>
    <t>↓団体概要等のみを掲載する団体</t>
    <rPh sb="1" eb="3">
      <t>ダンタイ</t>
    </rPh>
    <rPh sb="3" eb="5">
      <t>ガイヨウ</t>
    </rPh>
    <rPh sb="5" eb="6">
      <t>トウ</t>
    </rPh>
    <rPh sb="9" eb="11">
      <t>ケイサイ</t>
    </rPh>
    <rPh sb="13" eb="15">
      <t>ダンタ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2"/>
      <color theme="1"/>
      <name val="ＭＳ 明朝"/>
      <family val="2"/>
      <charset val="128"/>
    </font>
    <font>
      <sz val="6"/>
      <name val="ＭＳ 明朝"/>
      <family val="2"/>
      <charset val="128"/>
    </font>
    <font>
      <sz val="10"/>
      <color theme="1"/>
      <name val="游ゴシック"/>
      <family val="3"/>
      <charset val="128"/>
      <scheme val="minor"/>
    </font>
    <font>
      <b/>
      <sz val="12"/>
      <color theme="1"/>
      <name val="游ゴシック"/>
      <family val="3"/>
      <charset val="128"/>
      <scheme val="minor"/>
    </font>
    <font>
      <b/>
      <sz val="14"/>
      <color theme="1"/>
      <name val="游ゴシック"/>
      <family val="3"/>
      <charset val="128"/>
      <scheme val="minor"/>
    </font>
    <font>
      <u/>
      <sz val="12"/>
      <color theme="10"/>
      <name val="ＭＳ 明朝"/>
      <family val="2"/>
      <charset val="128"/>
    </font>
    <font>
      <u/>
      <sz val="10"/>
      <color theme="10"/>
      <name val="游ゴシック"/>
      <family val="3"/>
      <charset val="128"/>
      <scheme val="minor"/>
    </font>
    <font>
      <sz val="10"/>
      <color rgb="FFFF0000"/>
      <name val="游ゴシック"/>
      <family val="3"/>
      <charset val="128"/>
      <scheme val="minor"/>
    </font>
    <font>
      <sz val="10"/>
      <color theme="1"/>
      <name val="游ゴシック"/>
      <family val="3"/>
      <charset val="128"/>
    </font>
    <font>
      <u/>
      <sz val="10"/>
      <color theme="1"/>
      <name val="游ゴシック"/>
      <family val="3"/>
      <charset val="128"/>
    </font>
    <font>
      <u/>
      <sz val="10"/>
      <color rgb="FF1155CC"/>
      <name val="游ゴシック"/>
      <family val="3"/>
      <charset val="128"/>
    </font>
    <font>
      <u/>
      <sz val="10"/>
      <color rgb="FF0000FF"/>
      <name val="游ゴシック"/>
      <family val="3"/>
      <charset val="128"/>
    </font>
    <font>
      <sz val="10"/>
      <name val="游ゴシック"/>
      <family val="3"/>
      <charset val="128"/>
      <scheme val="minor"/>
    </font>
    <font>
      <u/>
      <sz val="12"/>
      <name val="ＭＳ 明朝"/>
      <family val="2"/>
      <charset val="128"/>
    </font>
  </fonts>
  <fills count="4">
    <fill>
      <patternFill patternType="none"/>
    </fill>
    <fill>
      <patternFill patternType="gray125"/>
    </fill>
    <fill>
      <patternFill patternType="solid">
        <fgColor theme="0" tint="-0.14999847407452621"/>
        <bgColor indexed="64"/>
      </patternFill>
    </fill>
    <fill>
      <patternFill patternType="solid">
        <fgColor theme="0"/>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rgb="FF000000"/>
      </left>
      <right style="thin">
        <color rgb="FF000000"/>
      </right>
      <top style="thin">
        <color rgb="FF000000"/>
      </top>
      <bottom style="thin">
        <color rgb="FF000000"/>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2">
    <xf numFmtId="0" fontId="0" fillId="0" borderId="0">
      <alignment vertical="center"/>
    </xf>
    <xf numFmtId="0" fontId="5" fillId="0" borderId="0" applyNumberFormat="0" applyFill="0" applyBorder="0" applyAlignment="0" applyProtection="0">
      <alignment vertical="center"/>
    </xf>
  </cellStyleXfs>
  <cellXfs count="44">
    <xf numFmtId="0" fontId="0" fillId="0" borderId="0" xfId="0">
      <alignment vertical="center"/>
    </xf>
    <xf numFmtId="0" fontId="2" fillId="0" borderId="0" xfId="0" applyFont="1" applyAlignment="1">
      <alignment vertical="center" wrapText="1"/>
    </xf>
    <xf numFmtId="0" fontId="2" fillId="0" borderId="0" xfId="0" applyFont="1" applyAlignment="1">
      <alignment horizontal="center" vertical="center" wrapText="1"/>
    </xf>
    <xf numFmtId="0" fontId="2" fillId="0" borderId="1" xfId="0" applyFont="1" applyBorder="1" applyAlignment="1">
      <alignment horizontal="center" vertical="center" wrapText="1"/>
    </xf>
    <xf numFmtId="0" fontId="3" fillId="0" borderId="0" xfId="0" applyFont="1" applyAlignment="1">
      <alignment vertical="center" wrapText="1"/>
    </xf>
    <xf numFmtId="0" fontId="3" fillId="0" borderId="1" xfId="0" applyFont="1" applyBorder="1" applyAlignment="1">
      <alignment horizontal="left" vertical="center"/>
    </xf>
    <xf numFmtId="0" fontId="4" fillId="0" borderId="0" xfId="0" applyFont="1" applyAlignment="1">
      <alignment horizontal="left" vertical="center"/>
    </xf>
    <xf numFmtId="0" fontId="2" fillId="2" borderId="0" xfId="0" applyFont="1" applyFill="1" applyAlignment="1">
      <alignment horizontal="left" vertical="center" wrapText="1"/>
    </xf>
    <xf numFmtId="0" fontId="2" fillId="2" borderId="0" xfId="0" applyFont="1" applyFill="1" applyAlignment="1">
      <alignment vertical="center" wrapText="1"/>
    </xf>
    <xf numFmtId="0" fontId="2" fillId="0" borderId="1" xfId="0" applyFont="1" applyBorder="1" applyAlignment="1">
      <alignment vertical="center" wrapText="1"/>
    </xf>
    <xf numFmtId="0" fontId="5" fillId="0" borderId="1" xfId="1" applyBorder="1" applyAlignment="1">
      <alignment vertical="center" wrapText="1"/>
    </xf>
    <xf numFmtId="0" fontId="2" fillId="0" borderId="1" xfId="0" applyFont="1" applyBorder="1" applyAlignment="1">
      <alignment vertical="top" wrapText="1"/>
    </xf>
    <xf numFmtId="0" fontId="6" fillId="0" borderId="1" xfId="1" applyFont="1" applyBorder="1" applyAlignment="1">
      <alignment vertical="center" wrapText="1"/>
    </xf>
    <xf numFmtId="0" fontId="2" fillId="0" borderId="1" xfId="0" applyFont="1" applyBorder="1" applyAlignment="1">
      <alignment horizontal="left" vertical="center" wrapText="1"/>
    </xf>
    <xf numFmtId="0" fontId="2" fillId="0" borderId="1" xfId="0" applyFont="1" applyFill="1" applyBorder="1" applyAlignment="1">
      <alignment horizontal="center" vertical="center" wrapText="1"/>
    </xf>
    <xf numFmtId="0" fontId="2" fillId="0" borderId="1" xfId="0" applyFont="1" applyFill="1" applyBorder="1" applyAlignment="1">
      <alignment horizontal="left" vertical="center" wrapText="1"/>
    </xf>
    <xf numFmtId="0" fontId="2" fillId="0" borderId="1" xfId="0" applyFont="1" applyFill="1" applyBorder="1" applyAlignment="1">
      <alignment vertical="top" wrapText="1"/>
    </xf>
    <xf numFmtId="0" fontId="5" fillId="0" borderId="1" xfId="1" applyFill="1" applyBorder="1" applyAlignment="1">
      <alignment horizontal="left" vertical="center" wrapText="1"/>
    </xf>
    <xf numFmtId="0" fontId="2" fillId="0" borderId="0" xfId="0" applyFont="1" applyFill="1" applyAlignment="1">
      <alignment horizontal="left" vertical="center" wrapText="1"/>
    </xf>
    <xf numFmtId="0" fontId="8" fillId="0" borderId="2" xfId="0" applyFont="1" applyBorder="1" applyAlignment="1">
      <alignment vertical="center" wrapText="1"/>
    </xf>
    <xf numFmtId="0" fontId="8" fillId="0" borderId="2" xfId="0" applyFont="1" applyBorder="1" applyAlignment="1">
      <alignment vertical="top" wrapText="1"/>
    </xf>
    <xf numFmtId="0" fontId="9" fillId="0" borderId="2" xfId="0" applyFont="1" applyBorder="1" applyAlignment="1">
      <alignment vertical="top" wrapText="1"/>
    </xf>
    <xf numFmtId="0" fontId="8" fillId="0" borderId="2" xfId="0" applyFont="1" applyBorder="1" applyAlignment="1">
      <alignment horizontal="left" vertical="center" wrapText="1"/>
    </xf>
    <xf numFmtId="0" fontId="9" fillId="0" borderId="2" xfId="0" applyFont="1" applyBorder="1" applyAlignment="1">
      <alignment vertical="center" wrapText="1"/>
    </xf>
    <xf numFmtId="0" fontId="2" fillId="0" borderId="1" xfId="0" applyFont="1" applyFill="1" applyBorder="1" applyAlignment="1">
      <alignment vertical="center" wrapText="1"/>
    </xf>
    <xf numFmtId="0" fontId="5" fillId="0" borderId="1" xfId="1" applyFill="1" applyBorder="1" applyAlignment="1">
      <alignment vertical="center" wrapText="1"/>
    </xf>
    <xf numFmtId="0" fontId="2" fillId="0" borderId="0" xfId="0" applyFont="1" applyFill="1" applyAlignment="1">
      <alignment vertical="center" wrapText="1"/>
    </xf>
    <xf numFmtId="0" fontId="5" fillId="0" borderId="1" xfId="1" applyBorder="1" applyAlignment="1">
      <alignment horizontal="left" vertical="center" wrapText="1"/>
    </xf>
    <xf numFmtId="0" fontId="2" fillId="0" borderId="1" xfId="0" applyFont="1" applyBorder="1" applyAlignment="1">
      <alignment horizontal="left" vertical="top" wrapText="1"/>
    </xf>
    <xf numFmtId="0" fontId="5" fillId="0" borderId="1" xfId="1" applyBorder="1" applyAlignment="1">
      <alignment horizontal="left" vertical="top" wrapText="1"/>
    </xf>
    <xf numFmtId="0" fontId="8" fillId="0" borderId="2" xfId="0" applyFont="1" applyFill="1" applyBorder="1" applyAlignment="1">
      <alignment vertical="center" wrapText="1"/>
    </xf>
    <xf numFmtId="0" fontId="11" fillId="0" borderId="2" xfId="0" applyFont="1" applyFill="1" applyBorder="1" applyAlignment="1">
      <alignment vertical="center" wrapText="1"/>
    </xf>
    <xf numFmtId="0" fontId="7" fillId="0" borderId="1" xfId="0" applyFont="1" applyFill="1" applyBorder="1" applyAlignment="1">
      <alignment vertical="center" wrapText="1"/>
    </xf>
    <xf numFmtId="0" fontId="2" fillId="0" borderId="3" xfId="0" applyFont="1" applyFill="1" applyBorder="1" applyAlignment="1">
      <alignment vertical="center" wrapText="1"/>
    </xf>
    <xf numFmtId="0" fontId="2" fillId="0" borderId="3" xfId="0" applyFont="1" applyFill="1" applyBorder="1" applyAlignment="1">
      <alignment vertical="top" wrapText="1"/>
    </xf>
    <xf numFmtId="0" fontId="2" fillId="0" borderId="3" xfId="0" applyFont="1" applyFill="1" applyBorder="1" applyAlignment="1">
      <alignment horizontal="left" vertical="center" wrapText="1"/>
    </xf>
    <xf numFmtId="0" fontId="2" fillId="0" borderId="4" xfId="0" applyFont="1" applyFill="1" applyBorder="1" applyAlignment="1">
      <alignment vertical="center" wrapText="1"/>
    </xf>
    <xf numFmtId="0" fontId="12" fillId="3" borderId="1" xfId="0" applyFont="1" applyFill="1" applyBorder="1" applyAlignment="1">
      <alignment horizontal="center" vertical="center" wrapText="1"/>
    </xf>
    <xf numFmtId="0" fontId="12" fillId="3" borderId="1" xfId="0" applyFont="1" applyFill="1" applyBorder="1" applyAlignment="1">
      <alignment vertical="center" wrapText="1"/>
    </xf>
    <xf numFmtId="0" fontId="13" fillId="3" borderId="1" xfId="1" applyFont="1" applyFill="1" applyBorder="1" applyAlignment="1">
      <alignment vertical="center" wrapText="1"/>
    </xf>
    <xf numFmtId="0" fontId="12" fillId="3" borderId="0" xfId="0" applyFont="1" applyFill="1" applyAlignment="1">
      <alignment vertical="center" wrapText="1"/>
    </xf>
    <xf numFmtId="0" fontId="12" fillId="3" borderId="1" xfId="0" applyFont="1" applyFill="1" applyBorder="1" applyAlignment="1">
      <alignment horizontal="left" vertical="center" wrapText="1"/>
    </xf>
    <xf numFmtId="0" fontId="12" fillId="3" borderId="1" xfId="0" applyFont="1" applyFill="1" applyBorder="1" applyAlignment="1">
      <alignment vertical="top" wrapText="1"/>
    </xf>
    <xf numFmtId="0" fontId="3" fillId="0" borderId="1" xfId="0" applyFont="1" applyBorder="1" applyAlignment="1">
      <alignment horizontal="center" vertical="center" wrapText="1"/>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hyperlink" Target="https://www.city.chigasaki.kanagawa.jp/fukushi_chiiki/1004415.html" TargetMode="External"/><Relationship Id="rId2" Type="http://schemas.openxmlformats.org/officeDocument/2006/relationships/hyperlink" Target="https://www.city.chigasaki.kanagawa.jp/fukushi_chiiki/1004415.html" TargetMode="External"/><Relationship Id="rId1" Type="http://schemas.openxmlformats.org/officeDocument/2006/relationships/hyperlink" Target="mailto:npo.cotosanchi@gmail.com" TargetMode="External"/><Relationship Id="rId6" Type="http://schemas.openxmlformats.org/officeDocument/2006/relationships/printerSettings" Target="../printerSettings/printerSettings1.bin"/><Relationship Id="rId5" Type="http://schemas.openxmlformats.org/officeDocument/2006/relationships/hyperlink" Target="https://hatarakurasu.org/classification/blue-sky-children-square/" TargetMode="External"/><Relationship Id="rId4" Type="http://schemas.openxmlformats.org/officeDocument/2006/relationships/hyperlink" Target="mailto:info@amayadori2020.co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09DE59-98CE-4B96-8E00-573176F16158}">
  <sheetPr>
    <pageSetUpPr fitToPage="1"/>
  </sheetPr>
  <dimension ref="A1:Z20"/>
  <sheetViews>
    <sheetView tabSelected="1" view="pageBreakPreview" zoomScale="40" zoomScaleNormal="85" zoomScaleSheetLayoutView="40" workbookViewId="0">
      <pane xSplit="2" ySplit="3" topLeftCell="C4" activePane="bottomRight" state="frozen"/>
      <selection pane="topRight" activeCell="C1" sqref="C1"/>
      <selection pane="bottomLeft" activeCell="A3" sqref="A3"/>
      <selection pane="bottomRight" activeCell="C28" sqref="C28"/>
    </sheetView>
  </sheetViews>
  <sheetFormatPr defaultColWidth="6" defaultRowHeight="16.5" x14ac:dyDescent="0.2"/>
  <cols>
    <col min="1" max="1" width="5.33203125" style="2" customWidth="1"/>
    <col min="2" max="2" width="21.6640625" style="1" customWidth="1"/>
    <col min="3" max="26" width="45.6640625" style="1" customWidth="1"/>
    <col min="27" max="16384" width="6" style="1"/>
  </cols>
  <sheetData>
    <row r="1" spans="1:26" s="4" customFormat="1" ht="33.65" customHeight="1" x14ac:dyDescent="0.2">
      <c r="A1" s="6" t="s">
        <v>283</v>
      </c>
    </row>
    <row r="2" spans="1:26" s="4" customFormat="1" ht="33.65" customHeight="1" x14ac:dyDescent="0.2">
      <c r="A2" s="5"/>
      <c r="B2" s="43" t="s">
        <v>12</v>
      </c>
      <c r="C2" s="43"/>
      <c r="D2" s="43"/>
      <c r="E2" s="43"/>
      <c r="F2" s="43"/>
      <c r="G2" s="43"/>
      <c r="H2" s="43" t="s">
        <v>13</v>
      </c>
      <c r="I2" s="43"/>
      <c r="J2" s="43"/>
      <c r="K2" s="43"/>
      <c r="L2" s="43"/>
      <c r="M2" s="43"/>
      <c r="N2" s="43"/>
      <c r="O2" s="43"/>
      <c r="P2" s="43"/>
      <c r="Q2" s="43"/>
      <c r="R2" s="43"/>
      <c r="S2" s="43"/>
      <c r="T2" s="43"/>
      <c r="U2" s="43"/>
      <c r="V2" s="43"/>
      <c r="W2" s="43"/>
      <c r="X2" s="43"/>
      <c r="Y2" s="43"/>
      <c r="Z2" s="43"/>
    </row>
    <row r="3" spans="1:26" s="2" customFormat="1" ht="76.75" customHeight="1" x14ac:dyDescent="0.2">
      <c r="A3" s="3" t="s">
        <v>30</v>
      </c>
      <c r="B3" s="3" t="s">
        <v>0</v>
      </c>
      <c r="C3" s="3" t="s">
        <v>31</v>
      </c>
      <c r="D3" s="3" t="s">
        <v>11</v>
      </c>
      <c r="E3" s="3" t="s">
        <v>32</v>
      </c>
      <c r="F3" s="3" t="s">
        <v>33</v>
      </c>
      <c r="G3" s="3" t="s">
        <v>19</v>
      </c>
      <c r="H3" s="3" t="s">
        <v>14</v>
      </c>
      <c r="I3" s="3" t="s">
        <v>15</v>
      </c>
      <c r="J3" s="3" t="s">
        <v>5</v>
      </c>
      <c r="K3" s="3" t="s">
        <v>9</v>
      </c>
      <c r="L3" s="3" t="s">
        <v>21</v>
      </c>
      <c r="M3" s="3" t="s">
        <v>1</v>
      </c>
      <c r="N3" s="3" t="s">
        <v>2</v>
      </c>
      <c r="O3" s="3" t="s">
        <v>22</v>
      </c>
      <c r="P3" s="3" t="s">
        <v>24</v>
      </c>
      <c r="Q3" s="3" t="s">
        <v>25</v>
      </c>
      <c r="R3" s="3" t="s">
        <v>26</v>
      </c>
      <c r="S3" s="3" t="s">
        <v>34</v>
      </c>
      <c r="T3" s="3" t="s">
        <v>3</v>
      </c>
      <c r="U3" s="3" t="s">
        <v>4</v>
      </c>
      <c r="V3" s="3" t="s">
        <v>6</v>
      </c>
      <c r="W3" s="3" t="s">
        <v>35</v>
      </c>
      <c r="X3" s="3" t="s">
        <v>36</v>
      </c>
      <c r="Y3" s="3" t="s">
        <v>20</v>
      </c>
      <c r="Z3" s="3" t="s">
        <v>8</v>
      </c>
    </row>
    <row r="4" spans="1:26" s="18" customFormat="1" ht="66" x14ac:dyDescent="0.2">
      <c r="A4" s="14">
        <v>1</v>
      </c>
      <c r="B4" s="15" t="s">
        <v>37</v>
      </c>
      <c r="C4" s="15" t="s">
        <v>140</v>
      </c>
      <c r="D4" s="15" t="s">
        <v>141</v>
      </c>
      <c r="E4" s="16" t="s">
        <v>142</v>
      </c>
      <c r="F4" s="15" t="s">
        <v>143</v>
      </c>
      <c r="G4" s="17" t="s">
        <v>144</v>
      </c>
      <c r="H4" s="15" t="s">
        <v>145</v>
      </c>
      <c r="I4" s="15" t="s">
        <v>146</v>
      </c>
      <c r="J4" s="15" t="s">
        <v>16</v>
      </c>
      <c r="K4" s="15" t="s">
        <v>147</v>
      </c>
      <c r="L4" s="15" t="s">
        <v>148</v>
      </c>
      <c r="M4" s="15" t="s">
        <v>149</v>
      </c>
      <c r="N4" s="15" t="s">
        <v>150</v>
      </c>
      <c r="O4" s="15" t="s">
        <v>151</v>
      </c>
      <c r="P4" s="15" t="s">
        <v>151</v>
      </c>
      <c r="Q4" s="15" t="s">
        <v>152</v>
      </c>
      <c r="R4" s="15" t="s">
        <v>153</v>
      </c>
      <c r="S4" s="15" t="s">
        <v>154</v>
      </c>
      <c r="T4" s="15" t="s">
        <v>155</v>
      </c>
      <c r="U4" s="15" t="s">
        <v>156</v>
      </c>
      <c r="V4" s="15" t="s">
        <v>157</v>
      </c>
      <c r="W4" s="15" t="s">
        <v>158</v>
      </c>
      <c r="X4" s="15" t="s">
        <v>159</v>
      </c>
      <c r="Y4" s="17" t="s">
        <v>160</v>
      </c>
      <c r="Z4" s="15"/>
    </row>
    <row r="5" spans="1:26" s="7" customFormat="1" ht="409.5" x14ac:dyDescent="0.2">
      <c r="A5" s="3">
        <v>2</v>
      </c>
      <c r="B5" s="13" t="s">
        <v>38</v>
      </c>
      <c r="C5" s="13" t="s">
        <v>204</v>
      </c>
      <c r="D5" s="13" t="s">
        <v>205</v>
      </c>
      <c r="E5" s="13" t="s">
        <v>206</v>
      </c>
      <c r="F5" s="13" t="s">
        <v>207</v>
      </c>
      <c r="G5" s="27" t="s">
        <v>208</v>
      </c>
      <c r="H5" s="13" t="s">
        <v>209</v>
      </c>
      <c r="I5" s="13" t="s">
        <v>210</v>
      </c>
      <c r="J5" s="28"/>
      <c r="K5" s="13" t="s">
        <v>211</v>
      </c>
      <c r="L5" s="13" t="s">
        <v>212</v>
      </c>
      <c r="M5" s="13" t="s">
        <v>213</v>
      </c>
      <c r="N5" s="13" t="s">
        <v>214</v>
      </c>
      <c r="O5" s="13" t="s">
        <v>215</v>
      </c>
      <c r="P5" s="13" t="s">
        <v>216</v>
      </c>
      <c r="Q5" s="13" t="s">
        <v>217</v>
      </c>
      <c r="R5" s="13" t="s">
        <v>218</v>
      </c>
      <c r="S5" s="13" t="s">
        <v>207</v>
      </c>
      <c r="T5" s="13" t="s">
        <v>219</v>
      </c>
      <c r="U5" s="13" t="s">
        <v>220</v>
      </c>
      <c r="V5" s="13" t="s">
        <v>221</v>
      </c>
      <c r="W5" s="13" t="s">
        <v>222</v>
      </c>
      <c r="X5" s="13" t="s">
        <v>223</v>
      </c>
      <c r="Y5" s="27" t="s">
        <v>224</v>
      </c>
      <c r="Z5" s="13"/>
    </row>
    <row r="6" spans="1:26" s="7" customFormat="1" ht="214.5" x14ac:dyDescent="0.2">
      <c r="A6" s="14">
        <v>3</v>
      </c>
      <c r="B6" s="13" t="s">
        <v>39</v>
      </c>
      <c r="C6" s="28" t="s">
        <v>51</v>
      </c>
      <c r="D6" s="11" t="s">
        <v>225</v>
      </c>
      <c r="E6" s="11" t="s">
        <v>28</v>
      </c>
      <c r="F6" s="28" t="s">
        <v>226</v>
      </c>
      <c r="G6" s="29" t="s">
        <v>227</v>
      </c>
      <c r="H6" s="28" t="s">
        <v>228</v>
      </c>
      <c r="I6" s="11" t="s">
        <v>229</v>
      </c>
      <c r="J6" s="28" t="s">
        <v>18</v>
      </c>
      <c r="K6" s="28"/>
      <c r="L6" s="28" t="s">
        <v>230</v>
      </c>
      <c r="M6" s="28" t="s">
        <v>231</v>
      </c>
      <c r="N6" s="28" t="s">
        <v>232</v>
      </c>
      <c r="O6" s="28" t="s">
        <v>233</v>
      </c>
      <c r="P6" s="28" t="s">
        <v>234</v>
      </c>
      <c r="Q6" s="28" t="s">
        <v>235</v>
      </c>
      <c r="R6" s="28" t="s">
        <v>236</v>
      </c>
      <c r="S6" s="28" t="s">
        <v>237</v>
      </c>
      <c r="T6" s="11" t="s">
        <v>238</v>
      </c>
      <c r="U6" s="28" t="s">
        <v>239</v>
      </c>
      <c r="V6" s="28" t="s">
        <v>240</v>
      </c>
      <c r="W6" s="28" t="s">
        <v>241</v>
      </c>
      <c r="X6" s="28" t="s">
        <v>242</v>
      </c>
      <c r="Y6" s="28" t="s">
        <v>87</v>
      </c>
      <c r="Z6" s="28"/>
    </row>
    <row r="7" spans="1:26" s="8" customFormat="1" ht="99" x14ac:dyDescent="0.2">
      <c r="A7" s="3">
        <v>4</v>
      </c>
      <c r="B7" s="9" t="s">
        <v>40</v>
      </c>
      <c r="C7" s="9" t="s">
        <v>52</v>
      </c>
      <c r="D7" s="9" t="s">
        <v>104</v>
      </c>
      <c r="E7" s="9" t="s">
        <v>105</v>
      </c>
      <c r="F7" s="9"/>
      <c r="G7" s="10" t="s">
        <v>106</v>
      </c>
      <c r="H7" s="9" t="s">
        <v>107</v>
      </c>
      <c r="I7" s="9" t="s">
        <v>108</v>
      </c>
      <c r="J7" s="13" t="s">
        <v>18</v>
      </c>
      <c r="K7" s="9"/>
      <c r="L7" s="9" t="s">
        <v>109</v>
      </c>
      <c r="M7" s="9" t="s">
        <v>110</v>
      </c>
      <c r="N7" s="9" t="s">
        <v>111</v>
      </c>
      <c r="O7" s="9" t="s">
        <v>112</v>
      </c>
      <c r="P7" s="9"/>
      <c r="Q7" s="9" t="s">
        <v>113</v>
      </c>
      <c r="R7" s="9" t="s">
        <v>114</v>
      </c>
      <c r="S7" s="9"/>
      <c r="T7" s="9" t="s">
        <v>115</v>
      </c>
      <c r="U7" s="9" t="s">
        <v>116</v>
      </c>
      <c r="V7" s="9" t="s">
        <v>117</v>
      </c>
      <c r="W7" s="9" t="s">
        <v>118</v>
      </c>
      <c r="X7" s="9" t="s">
        <v>119</v>
      </c>
      <c r="Y7" s="9"/>
      <c r="Z7" s="9"/>
    </row>
    <row r="8" spans="1:26" s="8" customFormat="1" ht="99" x14ac:dyDescent="0.2">
      <c r="A8" s="14">
        <v>5</v>
      </c>
      <c r="B8" s="19" t="s">
        <v>43</v>
      </c>
      <c r="C8" s="19" t="s">
        <v>161</v>
      </c>
      <c r="D8" s="20" t="s">
        <v>162</v>
      </c>
      <c r="E8" s="20" t="s">
        <v>163</v>
      </c>
      <c r="F8" s="20" t="s">
        <v>164</v>
      </c>
      <c r="G8" s="21" t="s">
        <v>165</v>
      </c>
      <c r="H8" s="19" t="s">
        <v>166</v>
      </c>
      <c r="I8" s="20" t="s">
        <v>167</v>
      </c>
      <c r="J8" s="22" t="s">
        <v>168</v>
      </c>
      <c r="K8" s="19"/>
      <c r="L8" s="19" t="s">
        <v>169</v>
      </c>
      <c r="M8" s="19" t="s">
        <v>170</v>
      </c>
      <c r="N8" s="19" t="s">
        <v>170</v>
      </c>
      <c r="O8" s="19" t="s">
        <v>171</v>
      </c>
      <c r="P8" s="19" t="s">
        <v>170</v>
      </c>
      <c r="Q8" s="19" t="s">
        <v>172</v>
      </c>
      <c r="R8" s="19" t="s">
        <v>173</v>
      </c>
      <c r="S8" s="19" t="s">
        <v>174</v>
      </c>
      <c r="T8" s="20" t="s">
        <v>175</v>
      </c>
      <c r="U8" s="19" t="s">
        <v>176</v>
      </c>
      <c r="V8" s="19" t="s">
        <v>170</v>
      </c>
      <c r="W8" s="19" t="s">
        <v>177</v>
      </c>
      <c r="X8" s="19" t="s">
        <v>178</v>
      </c>
      <c r="Y8" s="23" t="s">
        <v>179</v>
      </c>
      <c r="Z8" s="19"/>
    </row>
    <row r="9" spans="1:26" s="40" customFormat="1" ht="99" x14ac:dyDescent="0.2">
      <c r="A9" s="37">
        <v>6</v>
      </c>
      <c r="B9" s="38" t="s">
        <v>68</v>
      </c>
      <c r="C9" s="38" t="s">
        <v>69</v>
      </c>
      <c r="D9" s="38" t="s">
        <v>70</v>
      </c>
      <c r="E9" s="38" t="s">
        <v>71</v>
      </c>
      <c r="F9" s="38" t="s">
        <v>72</v>
      </c>
      <c r="G9" s="39" t="s">
        <v>73</v>
      </c>
      <c r="H9" s="38" t="s">
        <v>74</v>
      </c>
      <c r="I9" s="40" t="s">
        <v>75</v>
      </c>
      <c r="J9" s="41" t="s">
        <v>16</v>
      </c>
      <c r="K9" s="38"/>
      <c r="L9" s="38" t="s">
        <v>76</v>
      </c>
      <c r="M9" s="38" t="s">
        <v>77</v>
      </c>
      <c r="N9" s="38" t="s">
        <v>78</v>
      </c>
      <c r="O9" s="38" t="s">
        <v>23</v>
      </c>
      <c r="P9" s="38" t="s">
        <v>79</v>
      </c>
      <c r="Q9" s="42" t="s">
        <v>80</v>
      </c>
      <c r="R9" s="42" t="s">
        <v>81</v>
      </c>
      <c r="S9" s="38" t="s">
        <v>82</v>
      </c>
      <c r="T9" s="42" t="s">
        <v>83</v>
      </c>
      <c r="U9" s="38" t="s">
        <v>84</v>
      </c>
      <c r="V9" s="38" t="s">
        <v>7</v>
      </c>
      <c r="W9" s="38" t="s">
        <v>85</v>
      </c>
      <c r="X9" s="39" t="s">
        <v>86</v>
      </c>
      <c r="Y9" s="38" t="s">
        <v>87</v>
      </c>
      <c r="Z9" s="38"/>
    </row>
    <row r="10" spans="1:26" s="8" customFormat="1" ht="115.5" x14ac:dyDescent="0.2">
      <c r="A10" s="14">
        <v>7</v>
      </c>
      <c r="B10" s="24" t="s">
        <v>44</v>
      </c>
      <c r="C10" s="24" t="s">
        <v>53</v>
      </c>
      <c r="D10" s="24" t="s">
        <v>249</v>
      </c>
      <c r="E10" s="24" t="s">
        <v>250</v>
      </c>
      <c r="F10" s="24"/>
      <c r="G10" s="24" t="s">
        <v>251</v>
      </c>
      <c r="H10" s="24" t="s">
        <v>252</v>
      </c>
      <c r="I10" s="24" t="s">
        <v>253</v>
      </c>
      <c r="J10" s="15"/>
      <c r="K10" s="24" t="s">
        <v>254</v>
      </c>
      <c r="L10" s="24" t="s">
        <v>255</v>
      </c>
      <c r="M10" s="24"/>
      <c r="N10" s="24"/>
      <c r="O10" s="24" t="s">
        <v>256</v>
      </c>
      <c r="P10" s="24" t="s">
        <v>257</v>
      </c>
      <c r="Q10" s="24" t="s">
        <v>258</v>
      </c>
      <c r="R10" s="15" t="s">
        <v>259</v>
      </c>
      <c r="S10" s="15" t="s">
        <v>10</v>
      </c>
      <c r="T10" s="24" t="s">
        <v>260</v>
      </c>
      <c r="U10" s="24"/>
      <c r="V10" s="24" t="s">
        <v>7</v>
      </c>
      <c r="W10" s="24" t="s">
        <v>261</v>
      </c>
      <c r="X10" s="24" t="s">
        <v>262</v>
      </c>
      <c r="Y10" s="24"/>
      <c r="Z10" s="24"/>
    </row>
    <row r="11" spans="1:26" s="8" customFormat="1" ht="165" x14ac:dyDescent="0.2">
      <c r="A11" s="3">
        <v>8</v>
      </c>
      <c r="B11" s="30" t="s">
        <v>45</v>
      </c>
      <c r="C11" s="30" t="s">
        <v>54</v>
      </c>
      <c r="D11" s="30" t="s">
        <v>263</v>
      </c>
      <c r="E11" s="30" t="s">
        <v>264</v>
      </c>
      <c r="F11" s="30" t="s">
        <v>265</v>
      </c>
      <c r="G11" s="30"/>
      <c r="H11" s="30" t="s">
        <v>266</v>
      </c>
      <c r="I11" s="30" t="s">
        <v>267</v>
      </c>
      <c r="J11" s="30" t="s">
        <v>168</v>
      </c>
      <c r="K11" s="30"/>
      <c r="L11" s="30" t="s">
        <v>268</v>
      </c>
      <c r="M11" s="30" t="s">
        <v>269</v>
      </c>
      <c r="N11" s="30" t="s">
        <v>270</v>
      </c>
      <c r="O11" s="30" t="s">
        <v>271</v>
      </c>
      <c r="P11" s="30" t="s">
        <v>271</v>
      </c>
      <c r="Q11" s="30" t="s">
        <v>272</v>
      </c>
      <c r="R11" s="30" t="s">
        <v>273</v>
      </c>
      <c r="S11" s="30"/>
      <c r="T11" s="30" t="s">
        <v>274</v>
      </c>
      <c r="U11" s="30" t="s">
        <v>275</v>
      </c>
      <c r="V11" s="30" t="s">
        <v>276</v>
      </c>
      <c r="W11" s="30" t="s">
        <v>277</v>
      </c>
      <c r="X11" s="30" t="s">
        <v>278</v>
      </c>
      <c r="Y11" s="31" t="s">
        <v>279</v>
      </c>
      <c r="Z11" s="30"/>
    </row>
    <row r="12" spans="1:26" s="8" customFormat="1" ht="115.5" x14ac:dyDescent="0.2">
      <c r="A12" s="14">
        <v>9</v>
      </c>
      <c r="B12" s="19" t="s">
        <v>46</v>
      </c>
      <c r="C12" s="19" t="s">
        <v>55</v>
      </c>
      <c r="D12" s="19" t="s">
        <v>59</v>
      </c>
      <c r="E12" s="19" t="s">
        <v>64</v>
      </c>
      <c r="F12" s="19" t="s">
        <v>180</v>
      </c>
      <c r="G12" s="23" t="s">
        <v>181</v>
      </c>
      <c r="H12" s="19" t="s">
        <v>182</v>
      </c>
      <c r="I12" s="19" t="s">
        <v>183</v>
      </c>
      <c r="J12" s="19" t="s">
        <v>184</v>
      </c>
      <c r="K12" s="19"/>
      <c r="L12" s="19" t="s">
        <v>185</v>
      </c>
      <c r="M12" s="19" t="s">
        <v>186</v>
      </c>
      <c r="N12" s="19" t="s">
        <v>187</v>
      </c>
      <c r="O12" s="19" t="s">
        <v>188</v>
      </c>
      <c r="P12" s="19" t="s">
        <v>189</v>
      </c>
      <c r="Q12" s="19" t="s">
        <v>190</v>
      </c>
      <c r="R12" s="19" t="s">
        <v>191</v>
      </c>
      <c r="S12" s="19" t="s">
        <v>192</v>
      </c>
      <c r="T12" s="19" t="s">
        <v>193</v>
      </c>
      <c r="U12" s="19"/>
      <c r="V12" s="19" t="s">
        <v>194</v>
      </c>
      <c r="W12" s="19" t="s">
        <v>195</v>
      </c>
      <c r="X12" s="19" t="s">
        <v>196</v>
      </c>
      <c r="Y12" s="19" t="s">
        <v>197</v>
      </c>
      <c r="Z12" s="19"/>
    </row>
    <row r="13" spans="1:26" s="8" customFormat="1" ht="115.5" x14ac:dyDescent="0.2">
      <c r="A13" s="3">
        <v>10</v>
      </c>
      <c r="B13" s="9" t="s">
        <v>47</v>
      </c>
      <c r="C13" s="9" t="s">
        <v>56</v>
      </c>
      <c r="D13" s="9" t="s">
        <v>60</v>
      </c>
      <c r="E13" s="9" t="s">
        <v>65</v>
      </c>
      <c r="F13" s="9" t="s">
        <v>27</v>
      </c>
      <c r="G13" s="12" t="s">
        <v>88</v>
      </c>
      <c r="H13" s="9" t="s">
        <v>89</v>
      </c>
      <c r="I13" s="9" t="s">
        <v>90</v>
      </c>
      <c r="J13" s="13" t="s">
        <v>17</v>
      </c>
      <c r="K13" s="9"/>
      <c r="L13" s="9" t="s">
        <v>91</v>
      </c>
      <c r="M13" s="9" t="s">
        <v>92</v>
      </c>
      <c r="N13" s="9" t="s">
        <v>93</v>
      </c>
      <c r="O13" s="9" t="s">
        <v>23</v>
      </c>
      <c r="P13" s="9" t="s">
        <v>94</v>
      </c>
      <c r="Q13" s="9" t="s">
        <v>95</v>
      </c>
      <c r="R13" s="9" t="s">
        <v>96</v>
      </c>
      <c r="S13" s="9" t="s">
        <v>97</v>
      </c>
      <c r="T13" s="9" t="s">
        <v>98</v>
      </c>
      <c r="U13" s="9" t="s">
        <v>99</v>
      </c>
      <c r="V13" s="9" t="s">
        <v>7</v>
      </c>
      <c r="W13" s="9" t="s">
        <v>100</v>
      </c>
      <c r="X13" s="9" t="s">
        <v>101</v>
      </c>
      <c r="Y13" s="12" t="s">
        <v>102</v>
      </c>
      <c r="Z13" s="9" t="s">
        <v>103</v>
      </c>
    </row>
    <row r="14" spans="1:26" ht="99" x14ac:dyDescent="0.2">
      <c r="A14" s="3">
        <v>11</v>
      </c>
      <c r="B14" s="9" t="s">
        <v>120</v>
      </c>
      <c r="C14" s="9" t="s">
        <v>121</v>
      </c>
      <c r="D14" s="9" t="s">
        <v>122</v>
      </c>
      <c r="E14" s="9" t="s">
        <v>123</v>
      </c>
      <c r="F14" s="9"/>
      <c r="G14" s="10" t="s">
        <v>124</v>
      </c>
      <c r="H14" s="9" t="s">
        <v>125</v>
      </c>
      <c r="I14" s="9" t="s">
        <v>126</v>
      </c>
      <c r="J14" s="13" t="s">
        <v>16</v>
      </c>
      <c r="K14" s="9"/>
      <c r="L14" s="9" t="s">
        <v>127</v>
      </c>
      <c r="M14" s="9" t="s">
        <v>128</v>
      </c>
      <c r="N14" s="9" t="s">
        <v>129</v>
      </c>
      <c r="O14" s="9" t="s">
        <v>130</v>
      </c>
      <c r="P14" s="9" t="s">
        <v>131</v>
      </c>
      <c r="Q14" s="9" t="s">
        <v>132</v>
      </c>
      <c r="R14" s="9" t="s">
        <v>133</v>
      </c>
      <c r="S14" s="9" t="s">
        <v>134</v>
      </c>
      <c r="T14" s="9" t="s">
        <v>135</v>
      </c>
      <c r="U14" s="9" t="s">
        <v>136</v>
      </c>
      <c r="V14" s="9" t="s">
        <v>137</v>
      </c>
      <c r="W14" s="9" t="s">
        <v>138</v>
      </c>
      <c r="X14" s="9" t="s">
        <v>139</v>
      </c>
      <c r="Y14" s="10" t="s">
        <v>124</v>
      </c>
      <c r="Z14" s="9"/>
    </row>
    <row r="15" spans="1:26" s="26" customFormat="1" ht="36.5" customHeight="1" x14ac:dyDescent="0.2">
      <c r="A15" s="6" t="s">
        <v>284</v>
      </c>
      <c r="B15" s="33"/>
      <c r="C15" s="33"/>
      <c r="D15" s="34"/>
      <c r="E15" s="34"/>
      <c r="F15" s="33"/>
      <c r="G15" s="33"/>
      <c r="H15" s="33"/>
      <c r="I15" s="33"/>
      <c r="J15" s="35"/>
      <c r="K15" s="33"/>
      <c r="L15" s="33"/>
      <c r="M15" s="33"/>
      <c r="N15" s="33"/>
      <c r="O15" s="33"/>
      <c r="P15" s="33"/>
      <c r="Q15" s="33"/>
      <c r="R15" s="33"/>
      <c r="S15" s="33"/>
      <c r="T15" s="33"/>
      <c r="U15" s="33"/>
      <c r="V15" s="33"/>
      <c r="W15" s="33"/>
      <c r="X15" s="33"/>
      <c r="Y15" s="33"/>
      <c r="Z15" s="36"/>
    </row>
    <row r="16" spans="1:26" s="26" customFormat="1" ht="132" x14ac:dyDescent="0.2">
      <c r="A16" s="14">
        <v>1</v>
      </c>
      <c r="B16" s="24" t="s">
        <v>41</v>
      </c>
      <c r="C16" s="24" t="s">
        <v>280</v>
      </c>
      <c r="D16" s="16" t="s">
        <v>29</v>
      </c>
      <c r="E16" s="16" t="s">
        <v>281</v>
      </c>
      <c r="F16" s="24" t="s">
        <v>282</v>
      </c>
      <c r="G16" s="24"/>
      <c r="H16" s="24"/>
      <c r="I16" s="24"/>
      <c r="J16" s="15"/>
      <c r="K16" s="24"/>
      <c r="L16" s="24"/>
      <c r="M16" s="24"/>
      <c r="N16" s="24"/>
      <c r="O16" s="24"/>
      <c r="P16" s="24"/>
      <c r="Q16" s="24"/>
      <c r="R16" s="24"/>
      <c r="S16" s="24"/>
      <c r="T16" s="24"/>
      <c r="U16" s="24"/>
      <c r="V16" s="24"/>
      <c r="W16" s="24"/>
      <c r="X16" s="24"/>
      <c r="Y16" s="24"/>
      <c r="Z16" s="24"/>
    </row>
    <row r="17" spans="1:26" s="26" customFormat="1" ht="132" x14ac:dyDescent="0.2">
      <c r="A17" s="14">
        <v>2</v>
      </c>
      <c r="B17" s="24" t="s">
        <v>42</v>
      </c>
      <c r="C17" s="32" t="s">
        <v>243</v>
      </c>
      <c r="D17" s="24" t="s">
        <v>244</v>
      </c>
      <c r="E17" s="24" t="s">
        <v>63</v>
      </c>
      <c r="F17" s="24"/>
      <c r="G17" s="25" t="s">
        <v>245</v>
      </c>
      <c r="H17" s="24"/>
      <c r="I17" s="24"/>
      <c r="J17" s="15"/>
      <c r="K17" s="24"/>
      <c r="L17" s="32" t="s">
        <v>246</v>
      </c>
      <c r="M17" s="24"/>
      <c r="N17" s="24"/>
      <c r="O17" s="24"/>
      <c r="P17" s="24"/>
      <c r="Q17" s="24"/>
      <c r="R17" s="24"/>
      <c r="S17" s="24"/>
      <c r="T17" s="24"/>
      <c r="U17" s="24"/>
      <c r="V17" s="24"/>
      <c r="W17" s="24" t="s">
        <v>247</v>
      </c>
      <c r="X17" s="25" t="s">
        <v>248</v>
      </c>
      <c r="Y17" s="25" t="s">
        <v>245</v>
      </c>
      <c r="Z17" s="24"/>
    </row>
    <row r="18" spans="1:26" s="26" customFormat="1" ht="99" x14ac:dyDescent="0.2">
      <c r="A18" s="14">
        <v>3</v>
      </c>
      <c r="B18" s="24" t="s">
        <v>48</v>
      </c>
      <c r="C18" s="24" t="s">
        <v>57</v>
      </c>
      <c r="D18" s="24" t="s">
        <v>61</v>
      </c>
      <c r="E18" s="24" t="s">
        <v>66</v>
      </c>
      <c r="F18" s="24"/>
      <c r="G18" s="24"/>
      <c r="H18" s="24"/>
      <c r="I18" s="24"/>
      <c r="J18" s="15"/>
      <c r="K18" s="24"/>
      <c r="L18" s="24"/>
      <c r="M18" s="24"/>
      <c r="N18" s="24"/>
      <c r="O18" s="24"/>
      <c r="P18" s="24"/>
      <c r="Q18" s="24"/>
      <c r="R18" s="24"/>
      <c r="S18" s="24"/>
      <c r="T18" s="24"/>
      <c r="U18" s="24"/>
      <c r="V18" s="24"/>
      <c r="W18" s="24"/>
      <c r="X18" s="24"/>
      <c r="Y18" s="24"/>
      <c r="Z18" s="24"/>
    </row>
    <row r="19" spans="1:26" s="26" customFormat="1" ht="132" x14ac:dyDescent="0.2">
      <c r="A19" s="14">
        <v>4</v>
      </c>
      <c r="B19" s="24" t="s">
        <v>49</v>
      </c>
      <c r="C19" s="24" t="s">
        <v>58</v>
      </c>
      <c r="D19" s="24" t="s">
        <v>62</v>
      </c>
      <c r="E19" s="24" t="s">
        <v>67</v>
      </c>
      <c r="F19" s="24"/>
      <c r="G19" s="24"/>
      <c r="H19" s="24"/>
      <c r="I19" s="24"/>
      <c r="J19" s="15"/>
      <c r="K19" s="24"/>
      <c r="L19" s="24"/>
      <c r="M19" s="24"/>
      <c r="N19" s="24"/>
      <c r="O19" s="24"/>
      <c r="P19" s="24"/>
      <c r="Q19" s="24"/>
      <c r="R19" s="24"/>
      <c r="S19" s="24"/>
      <c r="T19" s="24"/>
      <c r="U19" s="24"/>
      <c r="V19" s="24"/>
      <c r="W19" s="24"/>
      <c r="X19" s="24"/>
      <c r="Y19" s="24"/>
      <c r="Z19" s="24"/>
    </row>
    <row r="20" spans="1:26" s="26" customFormat="1" ht="82.5" x14ac:dyDescent="0.2">
      <c r="A20" s="14">
        <v>5</v>
      </c>
      <c r="B20" s="24" t="s">
        <v>50</v>
      </c>
      <c r="C20" s="24" t="s">
        <v>198</v>
      </c>
      <c r="D20" s="24" t="s">
        <v>199</v>
      </c>
      <c r="E20" s="24" t="s">
        <v>200</v>
      </c>
      <c r="F20" s="24"/>
      <c r="G20" s="25" t="s">
        <v>201</v>
      </c>
      <c r="H20" s="24"/>
      <c r="I20" s="24"/>
      <c r="J20" s="15" t="s">
        <v>16</v>
      </c>
      <c r="K20" s="24"/>
      <c r="L20" s="24"/>
      <c r="M20" s="24"/>
      <c r="N20" s="24"/>
      <c r="O20" s="24"/>
      <c r="P20" s="24"/>
      <c r="Q20" s="24"/>
      <c r="R20" s="24"/>
      <c r="S20" s="24"/>
      <c r="T20" s="24"/>
      <c r="U20" s="24"/>
      <c r="V20" s="24"/>
      <c r="W20" s="24" t="s">
        <v>202</v>
      </c>
      <c r="X20" s="24" t="s">
        <v>203</v>
      </c>
      <c r="Y20" s="25" t="s">
        <v>201</v>
      </c>
      <c r="Z20" s="24"/>
    </row>
  </sheetData>
  <mergeCells count="2">
    <mergeCell ref="B2:G2"/>
    <mergeCell ref="H2:Z2"/>
  </mergeCells>
  <phoneticPr fontId="1"/>
  <dataValidations count="2">
    <dataValidation type="list" allowBlank="1" showInputMessage="1" showErrorMessage="1" sqref="J9:J10 J4:J7 J13:J20" xr:uid="{22F300C4-09B4-4E2F-8847-337B7CE57B0A}">
      <formula1>#REF!</formula1>
    </dataValidation>
    <dataValidation type="list" allowBlank="1" showErrorMessage="1" sqref="J8 J11" xr:uid="{3159EDBE-8BFB-496A-BC60-83BCB05C6435}">
      <formula1>#REF!</formula1>
    </dataValidation>
  </dataValidations>
  <hyperlinks>
    <hyperlink ref="G9" display="https://cototsukuri.com/news/" xr:uid="{6D6A451B-5F15-459C-89F4-83B670100790}"/>
    <hyperlink ref="X9" r:id="rId1" xr:uid="{939F29CB-1481-4E56-945F-7E7147E26E74}"/>
    <hyperlink ref="G13" display="https://npo-piatto.jp/" xr:uid="{A9B022A2-E216-4B14-8C99-2A5909EB9C4D}"/>
    <hyperlink ref="Y13" display="https://npo-piatto.jp/demaejyugyou_2025/" xr:uid="{CAF85736-C8FA-4416-A02E-AE763B79A036}"/>
    <hyperlink ref="G7" display="http://www.chusinkai.net/universal/" xr:uid="{C19C8AD1-5641-4BAB-9F5D-32EB5A9BF163}"/>
    <hyperlink ref="G14" display="https://kodomonotonari.com/" xr:uid="{756979ED-E7A4-47E8-849C-0B29DE47AE98}"/>
    <hyperlink ref="Y14" display="https://kodomonotonari.com/" xr:uid="{A12B8D1C-D0C3-45A1-A886-06788DC65A7B}"/>
    <hyperlink ref="G4" display="https://www.palsystem-kanagawa.coop/" xr:uid="{54700C4A-D0F8-4538-BE09-666D2F11B944}"/>
    <hyperlink ref="Y4" display="https://www.palsystem-kanagawa.coop/event/detail/yukkuri-cafe-2/" xr:uid="{78A26EA2-F132-4318-8E17-925724C656E2}"/>
    <hyperlink ref="G8" display="https://otera.co.jp/mamoruba/life _x000a_https://otera.co.jp/mamoruba/apps" xr:uid="{28071169-533C-42B3-B903-42B85CE947B4}"/>
    <hyperlink ref="Y8" display="https://prtimes.jp/main/html/rd/p/000000007.000147307.html" xr:uid="{916CD5F3-1638-463D-9DA1-0FD6BB7DD7E7}"/>
    <hyperlink ref="G12" display="https://fukafuka-kamakura.com/" xr:uid="{988D169D-5725-436F-A403-1C518C771862}"/>
    <hyperlink ref="G20" r:id="rId2" display="https://www.city.chigasaki.kanagawa.jp/fukushi_chiiki/1004415.html" xr:uid="{DA938B10-0827-47EE-9E4B-661DE06FCA58}"/>
    <hyperlink ref="Y20" r:id="rId3" display="https://www.city.chigasaki.kanagawa.jp/fukushi_chiiki/1004415.html" xr:uid="{9F47602C-A517-4CA6-872B-EDB273D7BFE3}"/>
    <hyperlink ref="G5" display="https://www.ucoop.or.jp/profile/hello/rinen.html" xr:uid="{CB699071-83D8-4F7A-ACFC-F87AA4751A42}"/>
    <hyperlink ref="Y5" display="https://www.ucoop.or.jp/" xr:uid="{68AA3CA3-8A4C-4276-ACAA-6352848AF542}"/>
    <hyperlink ref="G6" display="https://www.kanafuku.jp/" xr:uid="{BA250B42-DF4F-4D1E-BC1A-6656337EEB2D}"/>
    <hyperlink ref="G17" display="https://www.amayadori-official.net/" xr:uid="{4DFAF107-49AC-4597-89CB-AA82D9381462}"/>
    <hyperlink ref="X17" r:id="rId4" xr:uid="{4E2B8522-6DAB-422A-845F-23C72A94BCAE}"/>
    <hyperlink ref="Y17" display="https://www.amayadori-official.net/" xr:uid="{496C9E10-AB90-4252-B4AF-E4148671DECB}"/>
    <hyperlink ref="Y11" r:id="rId5" xr:uid="{029F3DE6-4105-4069-AA4B-49E10A68621D}"/>
  </hyperlinks>
  <pageMargins left="0.70866141732283472" right="0.70866141732283472" top="0.74803149606299213" bottom="0.74803149606299213" header="0.31496062992125984" footer="0.31496062992125984"/>
  <pageSetup paperSize="8" scale="16" orientation="landscape" r:id="rId6"/>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マッチングシート（HP公開用）</vt:lpstr>
      <vt:lpstr>'マッチングシート（HP公開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2-25T09:57:41Z</cp:lastPrinted>
  <dcterms:created xsi:type="dcterms:W3CDTF">2025-07-29T22:42:33Z</dcterms:created>
  <dcterms:modified xsi:type="dcterms:W3CDTF">2026-03-27T07:28:21Z</dcterms:modified>
</cp:coreProperties>
</file>